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metadata" ContentType="application/binary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742" r:id="rId4"/>
    <p:sldMasterId id="2147483754" r:id="rId5"/>
    <p:sldMasterId id="2147483762" r:id="rId6"/>
  </p:sldMasterIdLst>
  <p:notesMasterIdLst>
    <p:notesMasterId r:id="rId20"/>
  </p:notesMasterIdLst>
  <p:handoutMasterIdLst>
    <p:handoutMasterId r:id="rId21"/>
  </p:handoutMasterIdLst>
  <p:sldIdLst>
    <p:sldId id="439" r:id="rId7"/>
    <p:sldId id="558" r:id="rId8"/>
    <p:sldId id="559" r:id="rId9"/>
    <p:sldId id="471" r:id="rId10"/>
    <p:sldId id="560" r:id="rId11"/>
    <p:sldId id="561" r:id="rId12"/>
    <p:sldId id="562" r:id="rId13"/>
    <p:sldId id="563" r:id="rId14"/>
    <p:sldId id="566" r:id="rId15"/>
    <p:sldId id="541" r:id="rId16"/>
    <p:sldId id="569" r:id="rId17"/>
    <p:sldId id="568" r:id="rId18"/>
    <p:sldId id="570" r:id="rId19"/>
  </p:sldIdLst>
  <p:sldSz cx="9144000" cy="6858000" type="screen4x3"/>
  <p:notesSz cx="6954838" cy="92408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11" userDrawn="1">
          <p15:clr>
            <a:srgbClr val="A4A3A4"/>
          </p15:clr>
        </p15:guide>
        <p15:guide id="2" pos="2191" userDrawn="1">
          <p15:clr>
            <a:srgbClr val="A4A3A4"/>
          </p15:clr>
        </p15:guide>
      </p15:notesGuideLst>
    </p:ext>
    <p:ext uri="http://customooxmlschemas.google.com/">
      <go:slidesCustomData xmlns="" xmlns:go="http://customooxmlschemas.google.com/" xmlns:p15="http://schemas.microsoft.com/office/powerpoint/2012/main" roundtripDataSignature="AMtx7mhe9Vx4XOqUu4qW3Vwc4uXzANEujA==" r:id="rId72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DF08F90D-38A0-BFAA-82C2-E11B506A10FC}" name="Will Goldschmidt" initials="WG" userId="S::will@dbdriven.solutions::97ca4ee0-d846-478b-9a6b-ff2315a8e24a" providerId="AD"/>
  <p188:author id="{A7306C31-D93C-6CAD-0990-2508E7934032}" name="Craig Moebus" initials="CM" userId="S::craig.moebus@dbdriven.solutions::ad9117cd-ee46-4ddd-8a82-76a71996bf5d" providerId="AD"/>
  <p188:author id="{D8EC215A-F83D-ACE3-258C-C25C07F0A92C}" name="Craig Moebus" initials="CM" userId="S::Craig.Moebus@dbdriven.solutions::ad9117cd-ee46-4ddd-8a82-76a71996bf5d" providerId="AD"/>
  <p188:author id="{92134D63-98B6-1DDB-6A04-5C07D257D596}" name="Will Goldschmidt" initials="WG" userId="Will Goldschmidt" providerId="None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Craig Moebus" initials="" lastIdx="1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1C20"/>
    <a:srgbClr val="9966FF"/>
    <a:srgbClr val="6C6F6F"/>
    <a:srgbClr val="1AAA42"/>
    <a:srgbClr val="23408F"/>
    <a:srgbClr val="9B9BC7"/>
    <a:srgbClr val="4C4C5C"/>
    <a:srgbClr val="6B6C74"/>
    <a:srgbClr val="4472C4"/>
    <a:srgbClr val="183B9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132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770" y="10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2911"/>
        <p:guide pos="2191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72" Type="http://customschemas.google.com/relationships/presentationmetadata" Target="metadata"/><Relationship Id="rId3" Type="http://schemas.openxmlformats.org/officeDocument/2006/relationships/customXml" Target="../customXml/item3.xml"/><Relationship Id="rId21" Type="http://schemas.openxmlformats.org/officeDocument/2006/relationships/handoutMaster" Target="handoutMasters/handoutMaster1.xml"/><Relationship Id="rId76" Type="http://schemas.openxmlformats.org/officeDocument/2006/relationships/theme" Target="theme/theme1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notesMaster" Target="notesMasters/notesMaster1.xml"/><Relationship Id="rId75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74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73" Type="http://schemas.openxmlformats.org/officeDocument/2006/relationships/commentAuthors" Target="commentAuthors.xml"/><Relationship Id="rId78" Type="http://schemas.microsoft.com/office/2018/10/relationships/authors" Target="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7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020CCF11-8D27-4B8A-9629-A0E45FD39BD7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1"/>
            <a:ext cx="3014065" cy="462959"/>
          </a:xfrm>
          <a:prstGeom prst="rect">
            <a:avLst/>
          </a:prstGeom>
        </p:spPr>
        <p:txBody>
          <a:bodyPr vert="horz" lIns="87536" tIns="43768" rIns="87536" bIns="43768" rtlCol="0"/>
          <a:lstStyle>
            <a:lvl1pPr algn="l">
              <a:defRPr sz="1100"/>
            </a:lvl1pPr>
          </a:lstStyle>
          <a:p>
            <a:r>
              <a:rPr lang="en-US"/>
              <a:t>can yoyu see me her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12A346D-0AB4-42E0-80C4-73559AB02B57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39264" y="1"/>
            <a:ext cx="3014065" cy="462959"/>
          </a:xfrm>
          <a:prstGeom prst="rect">
            <a:avLst/>
          </a:prstGeom>
        </p:spPr>
        <p:txBody>
          <a:bodyPr vert="horz" lIns="87536" tIns="43768" rIns="87536" bIns="43768" rtlCol="0"/>
          <a:lstStyle>
            <a:lvl1pPr algn="r">
              <a:defRPr sz="1100"/>
            </a:lvl1pPr>
          </a:lstStyle>
          <a:p>
            <a:fld id="{DBB4FDCC-884D-4A02-B250-4981D5165434}" type="datetimeFigureOut">
              <a:rPr lang="en-US" smtClean="0"/>
              <a:t>10/1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349E983-EAC8-441D-AACA-D48056C2B55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777880"/>
            <a:ext cx="3014065" cy="462958"/>
          </a:xfrm>
          <a:prstGeom prst="rect">
            <a:avLst/>
          </a:prstGeom>
        </p:spPr>
        <p:txBody>
          <a:bodyPr vert="horz" lIns="87536" tIns="43768" rIns="87536" bIns="43768" rtlCol="0" anchor="b"/>
          <a:lstStyle>
            <a:lvl1pPr algn="l">
              <a:defRPr sz="11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20E895-79A6-4DD1-ABA9-B23B48F1075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39264" y="8777880"/>
            <a:ext cx="3014065" cy="462958"/>
          </a:xfrm>
          <a:prstGeom prst="rect">
            <a:avLst/>
          </a:prstGeom>
        </p:spPr>
        <p:txBody>
          <a:bodyPr vert="horz" lIns="87536" tIns="43768" rIns="87536" bIns="43768" rtlCol="0" anchor="b"/>
          <a:lstStyle>
            <a:lvl1pPr algn="r">
              <a:defRPr sz="1100"/>
            </a:lvl1pPr>
          </a:lstStyle>
          <a:p>
            <a:fld id="{2F82C521-F4DB-4E79-A68B-EEDC25D6ED1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3141000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13763" cy="462042"/>
          </a:xfrm>
          <a:prstGeom prst="rect">
            <a:avLst/>
          </a:prstGeom>
        </p:spPr>
        <p:txBody>
          <a:bodyPr vert="horz" lIns="92526" tIns="46263" rIns="92526" bIns="46263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 dirty="0"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/>
              <a:t>can yoyu see me her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39465" y="0"/>
            <a:ext cx="3013763" cy="462042"/>
          </a:xfrm>
          <a:prstGeom prst="rect">
            <a:avLst/>
          </a:prstGeom>
        </p:spPr>
        <p:txBody>
          <a:bodyPr vert="horz" lIns="92526" tIns="46263" rIns="92526" bIns="46263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100">
                <a:latin typeface="+mn-lt"/>
                <a:cs typeface="+mn-cs"/>
              </a:defRPr>
            </a:lvl1pPr>
          </a:lstStyle>
          <a:p>
            <a:pPr>
              <a:defRPr/>
            </a:pPr>
            <a:fld id="{5AE8B7D6-F145-4B26-9186-2560B7DE670D}" type="datetimeFigureOut">
              <a:rPr lang="en-US"/>
              <a:pPr>
                <a:defRPr/>
              </a:pPr>
              <a:t>10/11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68400" y="692150"/>
            <a:ext cx="4618038" cy="34655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526" tIns="46263" rIns="92526" bIns="46263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95484" y="4389398"/>
            <a:ext cx="5563870" cy="4158377"/>
          </a:xfrm>
          <a:prstGeom prst="rect">
            <a:avLst/>
          </a:prstGeom>
        </p:spPr>
        <p:txBody>
          <a:bodyPr vert="horz" lIns="92526" tIns="46263" rIns="92526" bIns="46263" rtlCol="0">
            <a:norm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777193"/>
            <a:ext cx="3013763" cy="462042"/>
          </a:xfrm>
          <a:prstGeom prst="rect">
            <a:avLst/>
          </a:prstGeom>
        </p:spPr>
        <p:txBody>
          <a:bodyPr vert="horz" lIns="92526" tIns="46263" rIns="92526" bIns="46263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 dirty="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39465" y="8777193"/>
            <a:ext cx="3013763" cy="462042"/>
          </a:xfrm>
          <a:prstGeom prst="rect">
            <a:avLst/>
          </a:prstGeom>
        </p:spPr>
        <p:txBody>
          <a:bodyPr vert="horz" wrap="square" lIns="92526" tIns="46263" rIns="92526" bIns="46263" numCol="1" anchor="b" anchorCtr="0" compatLnSpc="1">
            <a:prstTxWarp prst="textNoShape">
              <a:avLst/>
            </a:prstTxWarp>
          </a:bodyPr>
          <a:lstStyle>
            <a:lvl1pPr algn="r">
              <a:defRPr sz="1100">
                <a:latin typeface="Calibri" panose="020F0502020204030204" pitchFamily="34" charset="0"/>
              </a:defRPr>
            </a:lvl1pPr>
          </a:lstStyle>
          <a:p>
            <a:fld id="{916B198E-D7CB-4B8D-8B15-15A94DF98991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185929300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39972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06462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007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079499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92960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95945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38077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450144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78452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40652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10834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hyperlink" Target="http://npwr.nv.gov/" TargetMode="External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hyperlink" Target="http://npwr.nv.gov/" TargetMode="External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7.pn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DADAD2-4BBB-49F6-9204-1A0BC960014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640D5F8-AEF3-4075-9C9F-4C51B6F7A91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D528BC-4B16-445E-B69E-632F144A6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176C0A-65F3-4651-A839-845CEE3497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03B75F7-1366-4B5D-9B5D-AEA79630AF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9BB935-8343-4773-9DB8-CD163D8833F1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6012792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F08D47-61A7-489A-ABD8-FF3E6C554A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380CDF8-7E6C-4292-AA30-C8B4D7926D7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BE8467-A49F-4DF5-9D8B-B19D24269A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D4017C-31FF-463A-BAD8-E9F781055C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9D2CE9-A926-4B77-A086-E851589FF8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86874B0-4A09-4CC8-8E1D-C5EE84D92176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8303498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00B1085-5AA4-40AE-B022-6F885390402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A316DFF-9E83-4090-9A05-BAE06B7871A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E350CB3-DF4C-45C6-9DCC-8E8AA2E998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246242-7B4F-4606-9CB9-F5DCFCAA0B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D45DAD3-A604-414F-A6C5-B8CCA5128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ABBD50-14C3-4663-A9C9-17FFE092CF71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50480938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sz="quarter" idx="13"/>
          </p:nvPr>
        </p:nvSpPr>
        <p:spPr>
          <a:xfrm>
            <a:off x="533400" y="1524000"/>
            <a:ext cx="4114800" cy="48006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sz="quarter" idx="14"/>
          </p:nvPr>
        </p:nvSpPr>
        <p:spPr>
          <a:xfrm>
            <a:off x="4648200" y="1524000"/>
            <a:ext cx="4038600" cy="48006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3" name="Title 6"/>
          <p:cNvSpPr>
            <a:spLocks noGrp="1"/>
          </p:cNvSpPr>
          <p:nvPr>
            <p:ph type="title"/>
          </p:nvPr>
        </p:nvSpPr>
        <p:spPr>
          <a:xfrm>
            <a:off x="457200" y="274638"/>
            <a:ext cx="6248400" cy="1020762"/>
          </a:xfrm>
        </p:spPr>
        <p:txBody>
          <a:bodyPr rtlCol="0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Date Placeholder 9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Footer Placeholder 21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1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fld id="{E87BEC56-FD0F-4CA8-8CA1-5B9F908E573E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80956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/>
          </p:nvPr>
        </p:nvSpPr>
        <p:spPr>
          <a:xfrm>
            <a:off x="457200" y="1447800"/>
            <a:ext cx="4114800" cy="2478024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4"/>
          </p:nvPr>
        </p:nvSpPr>
        <p:spPr>
          <a:xfrm>
            <a:off x="457200" y="3944145"/>
            <a:ext cx="4114800" cy="2478024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Content Placeholder 6"/>
          <p:cNvSpPr>
            <a:spLocks noGrp="1"/>
          </p:cNvSpPr>
          <p:nvPr>
            <p:ph sz="quarter" idx="15"/>
          </p:nvPr>
        </p:nvSpPr>
        <p:spPr>
          <a:xfrm>
            <a:off x="4595650" y="1447800"/>
            <a:ext cx="4114800" cy="2478024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Content Placeholder 6"/>
          <p:cNvSpPr>
            <a:spLocks noGrp="1"/>
          </p:cNvSpPr>
          <p:nvPr>
            <p:ph sz="quarter" idx="16"/>
          </p:nvPr>
        </p:nvSpPr>
        <p:spPr>
          <a:xfrm>
            <a:off x="4598767" y="3943159"/>
            <a:ext cx="4114800" cy="2478024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Date Placeholder 9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2" name="Footer Placeholder 21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3" name="Slide Number Placeholder 1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fld id="{223CE51D-4AE8-4D2E-AE50-C7D015174E03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14" name="Rectangle 13"/>
          <p:cNvSpPr/>
          <p:nvPr userDrawn="1"/>
        </p:nvSpPr>
        <p:spPr>
          <a:xfrm>
            <a:off x="5867400" y="457200"/>
            <a:ext cx="3146425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66074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Content Placeholder 6"/>
          <p:cNvSpPr>
            <a:spLocks noGrp="1"/>
          </p:cNvSpPr>
          <p:nvPr>
            <p:ph sz="quarter" idx="13"/>
          </p:nvPr>
        </p:nvSpPr>
        <p:spPr>
          <a:xfrm>
            <a:off x="457200" y="1447800"/>
            <a:ext cx="4114800" cy="2478024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4"/>
          </p:nvPr>
        </p:nvSpPr>
        <p:spPr>
          <a:xfrm>
            <a:off x="457200" y="3944145"/>
            <a:ext cx="4114800" cy="2478024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5"/>
          </p:nvPr>
        </p:nvSpPr>
        <p:spPr>
          <a:xfrm>
            <a:off x="4595650" y="1447800"/>
            <a:ext cx="4114800" cy="4974336"/>
          </a:xfrm>
          <a:ln w="12700">
            <a:solidFill>
              <a:schemeClr val="accent5"/>
            </a:solidFill>
          </a:ln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Date Placeholder 9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" name="Footer Placeholder 21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1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fld id="{12844AD2-BF89-4E23-9D08-8F9274BD01E1}" type="slidenum">
              <a:rPr lang="en-US" altLang="en-US"/>
              <a:pPr/>
              <a:t>‹#›</a:t>
            </a:fld>
            <a:endParaRPr lang="en-US" altLang="en-US"/>
          </a:p>
        </p:txBody>
      </p:sp>
      <p:sp>
        <p:nvSpPr>
          <p:cNvPr id="12" name="Rectangle 11"/>
          <p:cNvSpPr/>
          <p:nvPr userDrawn="1"/>
        </p:nvSpPr>
        <p:spPr>
          <a:xfrm>
            <a:off x="5867400" y="457200"/>
            <a:ext cx="3146425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47455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1156081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BDriven Slide De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26B468DA-CB47-4999-A024-25D06DD17BD6}"/>
              </a:ext>
            </a:extLst>
          </p:cNvPr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D0188ABC-4D74-4C2C-B804-161677EDD40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3966" y="5346696"/>
            <a:ext cx="4020034" cy="1511304"/>
          </a:xfrm>
          <a:custGeom>
            <a:avLst/>
            <a:gdLst>
              <a:gd name="connsiteX0" fmla="*/ 4545473 w 5360045"/>
              <a:gd name="connsiteY0" fmla="*/ 0 h 1511304"/>
              <a:gd name="connsiteX1" fmla="*/ 5360045 w 5360045"/>
              <a:gd name="connsiteY1" fmla="*/ 0 h 1511304"/>
              <a:gd name="connsiteX2" fmla="*/ 5360045 w 5360045"/>
              <a:gd name="connsiteY2" fmla="*/ 1046730 h 1511304"/>
              <a:gd name="connsiteX3" fmla="*/ 5360045 w 5360045"/>
              <a:gd name="connsiteY3" fmla="*/ 1508760 h 1511304"/>
              <a:gd name="connsiteX4" fmla="*/ 5360045 w 5360045"/>
              <a:gd name="connsiteY4" fmla="*/ 1511304 h 1511304"/>
              <a:gd name="connsiteX5" fmla="*/ 4545474 w 5360045"/>
              <a:gd name="connsiteY5" fmla="*/ 1511304 h 1511304"/>
              <a:gd name="connsiteX6" fmla="*/ 2525897 w 5360045"/>
              <a:gd name="connsiteY6" fmla="*/ 1511304 h 1511304"/>
              <a:gd name="connsiteX7" fmla="*/ 0 w 5360045"/>
              <a:gd name="connsiteY7" fmla="*/ 1511304 h 1511304"/>
              <a:gd name="connsiteX8" fmla="*/ 697617 w 5360045"/>
              <a:gd name="connsiteY8" fmla="*/ 3 h 1511304"/>
              <a:gd name="connsiteX9" fmla="*/ 4545473 w 5360045"/>
              <a:gd name="connsiteY9" fmla="*/ 3 h 15113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5360045" h="1511304">
                <a:moveTo>
                  <a:pt x="4545473" y="0"/>
                </a:moveTo>
                <a:lnTo>
                  <a:pt x="5360045" y="0"/>
                </a:lnTo>
                <a:lnTo>
                  <a:pt x="5360045" y="1046730"/>
                </a:lnTo>
                <a:lnTo>
                  <a:pt x="5360045" y="1508760"/>
                </a:lnTo>
                <a:lnTo>
                  <a:pt x="5360045" y="1511304"/>
                </a:lnTo>
                <a:lnTo>
                  <a:pt x="4545474" y="1511304"/>
                </a:lnTo>
                <a:lnTo>
                  <a:pt x="2525897" y="1511304"/>
                </a:lnTo>
                <a:lnTo>
                  <a:pt x="0" y="1511304"/>
                </a:lnTo>
                <a:lnTo>
                  <a:pt x="697617" y="3"/>
                </a:lnTo>
                <a:lnTo>
                  <a:pt x="4545473" y="3"/>
                </a:lnTo>
                <a:close/>
              </a:path>
            </a:pathLst>
          </a:custGeom>
          <a:solidFill>
            <a:srgbClr val="404040">
              <a:alpha val="8470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2355622B-58D4-4AFF-8D25-41BB8BD5140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844408" y="5567023"/>
            <a:ext cx="4144129" cy="1144365"/>
          </a:xfrm>
          <a:prstGeom prst="rect">
            <a:avLst/>
          </a:prstGeom>
          <a:noFill/>
          <a:effectLst>
            <a:outerShdw blurRad="152400" dist="317500" dir="5400000" sx="90000" sy="-19000" rotWithShape="0">
              <a:prstClr val="black">
                <a:alpha val="15000"/>
              </a:prstClr>
            </a:outerShdw>
            <a:reflection blurRad="6350" stA="50000" endA="295" endPos="92000" dist="101600" dir="5400000" sy="-100000" algn="bl" rotWithShape="0"/>
          </a:effectLst>
          <a:scene3d>
            <a:camera prst="orthographicFront">
              <a:rot lat="0" lon="10799999" rev="0"/>
            </a:camera>
            <a:lightRig rig="threePt" dir="t"/>
          </a:scene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Freeform: Shape 5">
            <a:extLst>
              <a:ext uri="{FF2B5EF4-FFF2-40B4-BE49-F238E27FC236}">
                <a16:creationId xmlns:a16="http://schemas.microsoft.com/office/drawing/2014/main" id="{07543F98-B044-40C0-95B4-96438AFF332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5346694"/>
            <a:ext cx="5509953" cy="1511306"/>
          </a:xfrm>
          <a:custGeom>
            <a:avLst/>
            <a:gdLst>
              <a:gd name="connsiteX0" fmla="*/ 0 w 7346605"/>
              <a:gd name="connsiteY0" fmla="*/ 0 h 1511306"/>
              <a:gd name="connsiteX1" fmla="*/ 239486 w 7346605"/>
              <a:gd name="connsiteY1" fmla="*/ 0 h 1511306"/>
              <a:gd name="connsiteX2" fmla="*/ 1209568 w 7346605"/>
              <a:gd name="connsiteY2" fmla="*/ 0 h 1511306"/>
              <a:gd name="connsiteX3" fmla="*/ 2405743 w 7346605"/>
              <a:gd name="connsiteY3" fmla="*/ 0 h 1511306"/>
              <a:gd name="connsiteX4" fmla="*/ 2405743 w 7346605"/>
              <a:gd name="connsiteY4" fmla="*/ 2544 h 1511306"/>
              <a:gd name="connsiteX5" fmla="*/ 2801131 w 7346605"/>
              <a:gd name="connsiteY5" fmla="*/ 2544 h 1511306"/>
              <a:gd name="connsiteX6" fmla="*/ 2801131 w 7346605"/>
              <a:gd name="connsiteY6" fmla="*/ 0 h 1511306"/>
              <a:gd name="connsiteX7" fmla="*/ 7346605 w 7346605"/>
              <a:gd name="connsiteY7" fmla="*/ 0 h 1511306"/>
              <a:gd name="connsiteX8" fmla="*/ 6648988 w 7346605"/>
              <a:gd name="connsiteY8" fmla="*/ 1511301 h 1511306"/>
              <a:gd name="connsiteX9" fmla="*/ 2801132 w 7346605"/>
              <a:gd name="connsiteY9" fmla="*/ 1511301 h 1511306"/>
              <a:gd name="connsiteX10" fmla="*/ 2801132 w 7346605"/>
              <a:gd name="connsiteY10" fmla="*/ 1511304 h 1511306"/>
              <a:gd name="connsiteX11" fmla="*/ 2405743 w 7346605"/>
              <a:gd name="connsiteY11" fmla="*/ 1511304 h 1511306"/>
              <a:gd name="connsiteX12" fmla="*/ 2405743 w 7346605"/>
              <a:gd name="connsiteY12" fmla="*/ 1511306 h 1511306"/>
              <a:gd name="connsiteX13" fmla="*/ 1333411 w 7346605"/>
              <a:gd name="connsiteY13" fmla="*/ 1511306 h 1511306"/>
              <a:gd name="connsiteX14" fmla="*/ 1219208 w 7346605"/>
              <a:gd name="connsiteY14" fmla="*/ 1511306 h 1511306"/>
              <a:gd name="connsiteX15" fmla="*/ 1209568 w 7346605"/>
              <a:gd name="connsiteY15" fmla="*/ 1511306 h 1511306"/>
              <a:gd name="connsiteX16" fmla="*/ 239486 w 7346605"/>
              <a:gd name="connsiteY16" fmla="*/ 1511306 h 1511306"/>
              <a:gd name="connsiteX17" fmla="*/ 0 w 7346605"/>
              <a:gd name="connsiteY17" fmla="*/ 1511306 h 15113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7346605" h="1511306">
                <a:moveTo>
                  <a:pt x="0" y="0"/>
                </a:moveTo>
                <a:lnTo>
                  <a:pt x="239486" y="0"/>
                </a:lnTo>
                <a:lnTo>
                  <a:pt x="1209568" y="0"/>
                </a:lnTo>
                <a:lnTo>
                  <a:pt x="2405743" y="0"/>
                </a:lnTo>
                <a:lnTo>
                  <a:pt x="2405743" y="2544"/>
                </a:lnTo>
                <a:lnTo>
                  <a:pt x="2801131" y="2544"/>
                </a:lnTo>
                <a:lnTo>
                  <a:pt x="2801131" y="0"/>
                </a:lnTo>
                <a:lnTo>
                  <a:pt x="7346605" y="0"/>
                </a:lnTo>
                <a:lnTo>
                  <a:pt x="6648988" y="1511301"/>
                </a:lnTo>
                <a:lnTo>
                  <a:pt x="2801132" y="1511301"/>
                </a:lnTo>
                <a:lnTo>
                  <a:pt x="2801132" y="1511304"/>
                </a:lnTo>
                <a:lnTo>
                  <a:pt x="2405743" y="1511304"/>
                </a:lnTo>
                <a:lnTo>
                  <a:pt x="2405743" y="1511306"/>
                </a:lnTo>
                <a:lnTo>
                  <a:pt x="1333411" y="1511306"/>
                </a:lnTo>
                <a:lnTo>
                  <a:pt x="1219208" y="1511306"/>
                </a:lnTo>
                <a:lnTo>
                  <a:pt x="1209568" y="1511306"/>
                </a:lnTo>
                <a:lnTo>
                  <a:pt x="239486" y="1511306"/>
                </a:lnTo>
                <a:lnTo>
                  <a:pt x="0" y="1511306"/>
                </a:lnTo>
                <a:close/>
              </a:path>
            </a:pathLst>
          </a:custGeom>
          <a:solidFill>
            <a:srgbClr val="D0CEC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>
                  <a:lumMod val="95000"/>
                </a:schemeClr>
              </a:solidFill>
            </a:endParaRPr>
          </a:p>
        </p:txBody>
      </p:sp>
      <p:pic>
        <p:nvPicPr>
          <p:cNvPr id="7" name="Google Shape;129;p23">
            <a:extLst>
              <a:ext uri="{FF2B5EF4-FFF2-40B4-BE49-F238E27FC236}">
                <a16:creationId xmlns:a16="http://schemas.microsoft.com/office/drawing/2014/main" id="{8EE73681-12BE-4F88-99F7-685AE19B3F11}"/>
              </a:ext>
            </a:extLst>
          </p:cNvPr>
          <p:cNvPicPr preferRelativeResize="0"/>
          <p:nvPr userDrawn="1"/>
        </p:nvPicPr>
        <p:blipFill>
          <a:blip r:embed="rId3"/>
          <a:stretch>
            <a:fillRect/>
          </a:stretch>
        </p:blipFill>
        <p:spPr>
          <a:xfrm>
            <a:off x="7791412" y="194696"/>
            <a:ext cx="1197125" cy="318479"/>
          </a:xfrm>
          <a:prstGeom prst="rect">
            <a:avLst/>
          </a:prstGeom>
          <a:noFill/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E2219C0-59F4-408B-BFA5-639AFE002AB4}"/>
              </a:ext>
            </a:extLst>
          </p:cNvPr>
          <p:cNvCxnSpPr>
            <a:cxnSpLocks/>
          </p:cNvCxnSpPr>
          <p:nvPr userDrawn="1"/>
        </p:nvCxnSpPr>
        <p:spPr>
          <a:xfrm>
            <a:off x="533400" y="1066800"/>
            <a:ext cx="8610600" cy="0"/>
          </a:xfrm>
          <a:prstGeom prst="line">
            <a:avLst/>
          </a:prstGeom>
          <a:ln>
            <a:solidFill>
              <a:srgbClr val="183B9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6357481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BDriven Title P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211FB50F-4097-42BD-B3B3-503C2F6B1A23}"/>
              </a:ext>
            </a:extLst>
          </p:cNvPr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4AC317B-0DE7-4576-ADBC-DC233A381C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94C6EE9E-FE7C-45C0-AC6F-AB3EBE7EA9F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19981" y="5987903"/>
            <a:ext cx="6148957" cy="8700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Freeform: Shape 5">
            <a:extLst>
              <a:ext uri="{FF2B5EF4-FFF2-40B4-BE49-F238E27FC236}">
                <a16:creationId xmlns:a16="http://schemas.microsoft.com/office/drawing/2014/main" id="{A122F3E3-E4E3-483B-B63D-856C42F8538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4874" y="-478"/>
            <a:ext cx="5065739" cy="6858478"/>
          </a:xfrm>
          <a:custGeom>
            <a:avLst/>
            <a:gdLst>
              <a:gd name="connsiteX0" fmla="*/ 0 w 6754318"/>
              <a:gd name="connsiteY0" fmla="*/ 6858478 h 6858478"/>
              <a:gd name="connsiteX1" fmla="*/ 6754318 w 6754318"/>
              <a:gd name="connsiteY1" fmla="*/ 6858478 h 6858478"/>
              <a:gd name="connsiteX2" fmla="*/ 3577943 w 6754318"/>
              <a:gd name="connsiteY2" fmla="*/ 0 h 6858478"/>
              <a:gd name="connsiteX3" fmla="*/ 3572366 w 6754318"/>
              <a:gd name="connsiteY3" fmla="*/ 0 h 6858478"/>
              <a:gd name="connsiteX4" fmla="*/ 2506138 w 6754318"/>
              <a:gd name="connsiteY4" fmla="*/ 0 h 6858478"/>
              <a:gd name="connsiteX5" fmla="*/ 0 w 6754318"/>
              <a:gd name="connsiteY5" fmla="*/ 0 h 6858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754318" h="6858478">
                <a:moveTo>
                  <a:pt x="0" y="6858478"/>
                </a:moveTo>
                <a:lnTo>
                  <a:pt x="6754318" y="6858478"/>
                </a:lnTo>
                <a:lnTo>
                  <a:pt x="3577943" y="0"/>
                </a:lnTo>
                <a:lnTo>
                  <a:pt x="3572366" y="0"/>
                </a:lnTo>
                <a:lnTo>
                  <a:pt x="250613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85000"/>
              <a:lumOff val="15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64093E2F-6770-479C-8097-EA99112410C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-478"/>
            <a:ext cx="4790210" cy="6858478"/>
          </a:xfrm>
          <a:custGeom>
            <a:avLst/>
            <a:gdLst>
              <a:gd name="connsiteX0" fmla="*/ 433167 w 6386947"/>
              <a:gd name="connsiteY0" fmla="*/ 0 h 6858478"/>
              <a:gd name="connsiteX1" fmla="*/ 2138767 w 6386947"/>
              <a:gd name="connsiteY1" fmla="*/ 0 h 6858478"/>
              <a:gd name="connsiteX2" fmla="*/ 3204995 w 6386947"/>
              <a:gd name="connsiteY2" fmla="*/ 0 h 6858478"/>
              <a:gd name="connsiteX3" fmla="*/ 3210572 w 6386947"/>
              <a:gd name="connsiteY3" fmla="*/ 0 h 6858478"/>
              <a:gd name="connsiteX4" fmla="*/ 6386947 w 6386947"/>
              <a:gd name="connsiteY4" fmla="*/ 6858478 h 6858478"/>
              <a:gd name="connsiteX5" fmla="*/ 1832610 w 6386947"/>
              <a:gd name="connsiteY5" fmla="*/ 6858478 h 6858478"/>
              <a:gd name="connsiteX6" fmla="*/ 433167 w 6386947"/>
              <a:gd name="connsiteY6" fmla="*/ 6858478 h 6858478"/>
              <a:gd name="connsiteX7" fmla="*/ 0 w 6386947"/>
              <a:gd name="connsiteY7" fmla="*/ 6858478 h 6858478"/>
              <a:gd name="connsiteX8" fmla="*/ 0 w 6386947"/>
              <a:gd name="connsiteY8" fmla="*/ 478 h 6858478"/>
              <a:gd name="connsiteX9" fmla="*/ 433167 w 6386947"/>
              <a:gd name="connsiteY9" fmla="*/ 478 h 6858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6386947" h="6858478">
                <a:moveTo>
                  <a:pt x="433167" y="0"/>
                </a:moveTo>
                <a:lnTo>
                  <a:pt x="2138767" y="0"/>
                </a:lnTo>
                <a:lnTo>
                  <a:pt x="3204995" y="0"/>
                </a:lnTo>
                <a:lnTo>
                  <a:pt x="3210572" y="0"/>
                </a:lnTo>
                <a:lnTo>
                  <a:pt x="6386947" y="6858478"/>
                </a:lnTo>
                <a:lnTo>
                  <a:pt x="1832610" y="6858478"/>
                </a:lnTo>
                <a:lnTo>
                  <a:pt x="433167" y="6858478"/>
                </a:lnTo>
                <a:lnTo>
                  <a:pt x="0" y="6858478"/>
                </a:lnTo>
                <a:lnTo>
                  <a:pt x="0" y="478"/>
                </a:lnTo>
                <a:lnTo>
                  <a:pt x="433167" y="478"/>
                </a:lnTo>
                <a:close/>
              </a:path>
            </a:pathLst>
          </a:cu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DB0F5DB-5F22-4049-B3B5-D1AD3AD7A5D9}"/>
              </a:ext>
            </a:extLst>
          </p:cNvPr>
          <p:cNvSpPr txBox="1">
            <a:spLocks/>
          </p:cNvSpPr>
          <p:nvPr userDrawn="1"/>
        </p:nvSpPr>
        <p:spPr>
          <a:xfrm>
            <a:off x="603504" y="3993681"/>
            <a:ext cx="3043380" cy="224942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9pPr>
            <a:extLst/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US">
                <a:solidFill>
                  <a:schemeClr val="tx1"/>
                </a:solidFill>
              </a:rPr>
              <a:t>P-20W Longitudinal Data Solution</a:t>
            </a:r>
          </a:p>
        </p:txBody>
      </p:sp>
      <p:pic>
        <p:nvPicPr>
          <p:cNvPr id="9" name="Picture 8" descr="A close up of a sign&#10;&#10;Description generated with very high confidence">
            <a:extLst>
              <a:ext uri="{FF2B5EF4-FFF2-40B4-BE49-F238E27FC236}">
                <a16:creationId xmlns:a16="http://schemas.microsoft.com/office/drawing/2014/main" id="{71C8AB5D-CF35-48A6-9ABC-3A531C56A24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6200" y="152400"/>
            <a:ext cx="1294789" cy="3606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039152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ide De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853D6771-4542-474B-8525-F8BA01A8EF2B}"/>
              </a:ext>
            </a:extLst>
          </p:cNvPr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6B658371-B393-4A08-A99A-C3650230CB7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123966" y="5346696"/>
            <a:ext cx="4020034" cy="1511304"/>
          </a:xfrm>
          <a:custGeom>
            <a:avLst/>
            <a:gdLst>
              <a:gd name="connsiteX0" fmla="*/ 4545473 w 5360045"/>
              <a:gd name="connsiteY0" fmla="*/ 0 h 1511304"/>
              <a:gd name="connsiteX1" fmla="*/ 5360045 w 5360045"/>
              <a:gd name="connsiteY1" fmla="*/ 0 h 1511304"/>
              <a:gd name="connsiteX2" fmla="*/ 5360045 w 5360045"/>
              <a:gd name="connsiteY2" fmla="*/ 1046730 h 1511304"/>
              <a:gd name="connsiteX3" fmla="*/ 5360045 w 5360045"/>
              <a:gd name="connsiteY3" fmla="*/ 1508760 h 1511304"/>
              <a:gd name="connsiteX4" fmla="*/ 5360045 w 5360045"/>
              <a:gd name="connsiteY4" fmla="*/ 1511304 h 1511304"/>
              <a:gd name="connsiteX5" fmla="*/ 4545474 w 5360045"/>
              <a:gd name="connsiteY5" fmla="*/ 1511304 h 1511304"/>
              <a:gd name="connsiteX6" fmla="*/ 2525897 w 5360045"/>
              <a:gd name="connsiteY6" fmla="*/ 1511304 h 1511304"/>
              <a:gd name="connsiteX7" fmla="*/ 0 w 5360045"/>
              <a:gd name="connsiteY7" fmla="*/ 1511304 h 1511304"/>
              <a:gd name="connsiteX8" fmla="*/ 697617 w 5360045"/>
              <a:gd name="connsiteY8" fmla="*/ 3 h 1511304"/>
              <a:gd name="connsiteX9" fmla="*/ 4545473 w 5360045"/>
              <a:gd name="connsiteY9" fmla="*/ 3 h 15113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5360045" h="1511304">
                <a:moveTo>
                  <a:pt x="4545473" y="0"/>
                </a:moveTo>
                <a:lnTo>
                  <a:pt x="5360045" y="0"/>
                </a:lnTo>
                <a:lnTo>
                  <a:pt x="5360045" y="1046730"/>
                </a:lnTo>
                <a:lnTo>
                  <a:pt x="5360045" y="1508760"/>
                </a:lnTo>
                <a:lnTo>
                  <a:pt x="5360045" y="1511304"/>
                </a:lnTo>
                <a:lnTo>
                  <a:pt x="4545474" y="1511304"/>
                </a:lnTo>
                <a:lnTo>
                  <a:pt x="2525897" y="1511304"/>
                </a:lnTo>
                <a:lnTo>
                  <a:pt x="0" y="1511304"/>
                </a:lnTo>
                <a:lnTo>
                  <a:pt x="697617" y="3"/>
                </a:lnTo>
                <a:lnTo>
                  <a:pt x="4545473" y="3"/>
                </a:lnTo>
                <a:close/>
              </a:path>
            </a:pathLst>
          </a:custGeom>
          <a:solidFill>
            <a:srgbClr val="404040">
              <a:alpha val="8470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024F0899-D4CC-4ED5-AEA3-EC94DABD7C0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844408" y="5567023"/>
            <a:ext cx="4144129" cy="1144365"/>
          </a:xfrm>
          <a:prstGeom prst="rect">
            <a:avLst/>
          </a:prstGeom>
          <a:noFill/>
          <a:effectLst>
            <a:outerShdw blurRad="152400" dist="317500" dir="5400000" sx="90000" sy="-19000" rotWithShape="0">
              <a:prstClr val="black">
                <a:alpha val="15000"/>
              </a:prstClr>
            </a:outerShdw>
            <a:reflection blurRad="6350" stA="50000" endA="295" endPos="92000" dist="101600" dir="5400000" sy="-100000" algn="bl" rotWithShape="0"/>
          </a:effectLst>
          <a:scene3d>
            <a:camera prst="orthographicFront">
              <a:rot lat="0" lon="10799999" rev="0"/>
            </a:camera>
            <a:lightRig rig="threePt" dir="t"/>
          </a:scene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Freeform: Shape 5">
            <a:extLst>
              <a:ext uri="{FF2B5EF4-FFF2-40B4-BE49-F238E27FC236}">
                <a16:creationId xmlns:a16="http://schemas.microsoft.com/office/drawing/2014/main" id="{BE7400CC-EEBC-4A64-95A7-2F2AB0B10DA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5346694"/>
            <a:ext cx="5509953" cy="1511306"/>
          </a:xfrm>
          <a:custGeom>
            <a:avLst/>
            <a:gdLst>
              <a:gd name="connsiteX0" fmla="*/ 0 w 7346605"/>
              <a:gd name="connsiteY0" fmla="*/ 0 h 1511306"/>
              <a:gd name="connsiteX1" fmla="*/ 239486 w 7346605"/>
              <a:gd name="connsiteY1" fmla="*/ 0 h 1511306"/>
              <a:gd name="connsiteX2" fmla="*/ 1209568 w 7346605"/>
              <a:gd name="connsiteY2" fmla="*/ 0 h 1511306"/>
              <a:gd name="connsiteX3" fmla="*/ 2405743 w 7346605"/>
              <a:gd name="connsiteY3" fmla="*/ 0 h 1511306"/>
              <a:gd name="connsiteX4" fmla="*/ 2405743 w 7346605"/>
              <a:gd name="connsiteY4" fmla="*/ 2544 h 1511306"/>
              <a:gd name="connsiteX5" fmla="*/ 2801131 w 7346605"/>
              <a:gd name="connsiteY5" fmla="*/ 2544 h 1511306"/>
              <a:gd name="connsiteX6" fmla="*/ 2801131 w 7346605"/>
              <a:gd name="connsiteY6" fmla="*/ 0 h 1511306"/>
              <a:gd name="connsiteX7" fmla="*/ 7346605 w 7346605"/>
              <a:gd name="connsiteY7" fmla="*/ 0 h 1511306"/>
              <a:gd name="connsiteX8" fmla="*/ 6648988 w 7346605"/>
              <a:gd name="connsiteY8" fmla="*/ 1511301 h 1511306"/>
              <a:gd name="connsiteX9" fmla="*/ 2801132 w 7346605"/>
              <a:gd name="connsiteY9" fmla="*/ 1511301 h 1511306"/>
              <a:gd name="connsiteX10" fmla="*/ 2801132 w 7346605"/>
              <a:gd name="connsiteY10" fmla="*/ 1511304 h 1511306"/>
              <a:gd name="connsiteX11" fmla="*/ 2405743 w 7346605"/>
              <a:gd name="connsiteY11" fmla="*/ 1511304 h 1511306"/>
              <a:gd name="connsiteX12" fmla="*/ 2405743 w 7346605"/>
              <a:gd name="connsiteY12" fmla="*/ 1511306 h 1511306"/>
              <a:gd name="connsiteX13" fmla="*/ 1333411 w 7346605"/>
              <a:gd name="connsiteY13" fmla="*/ 1511306 h 1511306"/>
              <a:gd name="connsiteX14" fmla="*/ 1219208 w 7346605"/>
              <a:gd name="connsiteY14" fmla="*/ 1511306 h 1511306"/>
              <a:gd name="connsiteX15" fmla="*/ 1209568 w 7346605"/>
              <a:gd name="connsiteY15" fmla="*/ 1511306 h 1511306"/>
              <a:gd name="connsiteX16" fmla="*/ 239486 w 7346605"/>
              <a:gd name="connsiteY16" fmla="*/ 1511306 h 1511306"/>
              <a:gd name="connsiteX17" fmla="*/ 0 w 7346605"/>
              <a:gd name="connsiteY17" fmla="*/ 1511306 h 15113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7346605" h="1511306">
                <a:moveTo>
                  <a:pt x="0" y="0"/>
                </a:moveTo>
                <a:lnTo>
                  <a:pt x="239486" y="0"/>
                </a:lnTo>
                <a:lnTo>
                  <a:pt x="1209568" y="0"/>
                </a:lnTo>
                <a:lnTo>
                  <a:pt x="2405743" y="0"/>
                </a:lnTo>
                <a:lnTo>
                  <a:pt x="2405743" y="2544"/>
                </a:lnTo>
                <a:lnTo>
                  <a:pt x="2801131" y="2544"/>
                </a:lnTo>
                <a:lnTo>
                  <a:pt x="2801131" y="0"/>
                </a:lnTo>
                <a:lnTo>
                  <a:pt x="7346605" y="0"/>
                </a:lnTo>
                <a:lnTo>
                  <a:pt x="6648988" y="1511301"/>
                </a:lnTo>
                <a:lnTo>
                  <a:pt x="2801132" y="1511301"/>
                </a:lnTo>
                <a:lnTo>
                  <a:pt x="2801132" y="1511304"/>
                </a:lnTo>
                <a:lnTo>
                  <a:pt x="2405743" y="1511304"/>
                </a:lnTo>
                <a:lnTo>
                  <a:pt x="2405743" y="1511306"/>
                </a:lnTo>
                <a:lnTo>
                  <a:pt x="1333411" y="1511306"/>
                </a:lnTo>
                <a:lnTo>
                  <a:pt x="1219208" y="1511306"/>
                </a:lnTo>
                <a:lnTo>
                  <a:pt x="1209568" y="1511306"/>
                </a:lnTo>
                <a:lnTo>
                  <a:pt x="239486" y="1511306"/>
                </a:lnTo>
                <a:lnTo>
                  <a:pt x="0" y="1511306"/>
                </a:lnTo>
                <a:close/>
              </a:path>
            </a:pathLst>
          </a:custGeom>
          <a:solidFill>
            <a:srgbClr val="D0CEC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>
                  <a:lumMod val="95000"/>
                </a:schemeClr>
              </a:solidFill>
            </a:endParaRPr>
          </a:p>
        </p:txBody>
      </p:sp>
      <p:pic>
        <p:nvPicPr>
          <p:cNvPr id="7" name="Google Shape;129;p23">
            <a:extLst>
              <a:ext uri="{FF2B5EF4-FFF2-40B4-BE49-F238E27FC236}">
                <a16:creationId xmlns:a16="http://schemas.microsoft.com/office/drawing/2014/main" id="{A630E8E4-EE26-4F77-9C53-AA99115E861B}"/>
              </a:ext>
            </a:extLst>
          </p:cNvPr>
          <p:cNvPicPr preferRelativeResize="0"/>
          <p:nvPr userDrawn="1"/>
        </p:nvPicPr>
        <p:blipFill>
          <a:blip r:embed="rId3"/>
          <a:stretch>
            <a:fillRect/>
          </a:stretch>
        </p:blipFill>
        <p:spPr>
          <a:xfrm>
            <a:off x="7791412" y="194696"/>
            <a:ext cx="1197125" cy="318479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75987875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BDriven Slide Deck Option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16696DA0-16F8-40B4-BBC7-967AB5E0B01A}"/>
              </a:ext>
            </a:extLst>
          </p:cNvPr>
          <p:cNvSpPr/>
          <p:nvPr userDrawn="1"/>
        </p:nvSpPr>
        <p:spPr>
          <a:xfrm>
            <a:off x="8039100" y="5867399"/>
            <a:ext cx="1104900" cy="990600"/>
          </a:xfrm>
          <a:prstGeom prst="rect">
            <a:avLst/>
          </a:prstGeom>
          <a:solidFill>
            <a:srgbClr val="2626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0B9E4AB-3D1B-474D-A32D-15C41DBDCAA6}"/>
              </a:ext>
            </a:extLst>
          </p:cNvPr>
          <p:cNvSpPr/>
          <p:nvPr userDrawn="1"/>
        </p:nvSpPr>
        <p:spPr>
          <a:xfrm>
            <a:off x="0" y="5867397"/>
            <a:ext cx="1104900" cy="990602"/>
          </a:xfrm>
          <a:prstGeom prst="rect">
            <a:avLst/>
          </a:prstGeom>
          <a:solidFill>
            <a:srgbClr val="6767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Trapezoid 3">
            <a:extLst>
              <a:ext uri="{FF2B5EF4-FFF2-40B4-BE49-F238E27FC236}">
                <a16:creationId xmlns:a16="http://schemas.microsoft.com/office/drawing/2014/main" id="{A37AA862-8706-4BB8-AF75-00088BAA1E02}"/>
              </a:ext>
            </a:extLst>
          </p:cNvPr>
          <p:cNvSpPr/>
          <p:nvPr userDrawn="1"/>
        </p:nvSpPr>
        <p:spPr>
          <a:xfrm rot="10800000">
            <a:off x="0" y="5867398"/>
            <a:ext cx="5431888" cy="990601"/>
          </a:xfrm>
          <a:prstGeom prst="trapezoid">
            <a:avLst>
              <a:gd name="adj" fmla="val 45264"/>
            </a:avLst>
          </a:prstGeom>
          <a:solidFill>
            <a:srgbClr val="6767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202CD653-5B05-43FA-8510-6F9B4FC2EE2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555228" y="6064933"/>
            <a:ext cx="4039187" cy="6799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rapezoid 5">
            <a:extLst>
              <a:ext uri="{FF2B5EF4-FFF2-40B4-BE49-F238E27FC236}">
                <a16:creationId xmlns:a16="http://schemas.microsoft.com/office/drawing/2014/main" id="{5490A5CE-B892-4081-B48B-33B0A9D06E64}"/>
              </a:ext>
            </a:extLst>
          </p:cNvPr>
          <p:cNvSpPr/>
          <p:nvPr userDrawn="1"/>
        </p:nvSpPr>
        <p:spPr>
          <a:xfrm>
            <a:off x="5104814" y="5867400"/>
            <a:ext cx="4039186" cy="990599"/>
          </a:xfrm>
          <a:prstGeom prst="trapezoid">
            <a:avLst>
              <a:gd name="adj" fmla="val 45264"/>
            </a:avLst>
          </a:prstGeom>
          <a:solidFill>
            <a:srgbClr val="2626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07846722-5BED-4AD5-9708-8776B45F5057}"/>
              </a:ext>
            </a:extLst>
          </p:cNvPr>
          <p:cNvCxnSpPr>
            <a:cxnSpLocks/>
          </p:cNvCxnSpPr>
          <p:nvPr userDrawn="1"/>
        </p:nvCxnSpPr>
        <p:spPr>
          <a:xfrm>
            <a:off x="833511" y="990600"/>
            <a:ext cx="8310489" cy="0"/>
          </a:xfrm>
          <a:prstGeom prst="line">
            <a:avLst/>
          </a:prstGeom>
          <a:ln>
            <a:solidFill>
              <a:srgbClr val="183B9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 descr="NPWR Logo">
            <a:hlinkClick r:id="rId3"/>
            <a:extLst>
              <a:ext uri="{FF2B5EF4-FFF2-40B4-BE49-F238E27FC236}">
                <a16:creationId xmlns:a16="http://schemas.microsoft.com/office/drawing/2014/main" id="{F8F57675-07F8-40A5-BD89-1605398DBA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9832" y="245365"/>
            <a:ext cx="1566268" cy="4885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500757FF-51CF-4AC3-8D69-9146813AA7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898021" y="6319699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D645D042-57D0-4F48-BB52-3C1D95F25D1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05095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E32D62-E549-4C09-A70A-5B599D78B6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219BC6-34CF-48F4-8733-8DA16A9FB2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627AD1-DCEA-462D-9C86-E8F950BE3C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26552B-0104-4377-B6F3-0EC139DF6F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940747-BCAB-44FB-8D48-AD2829F500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27902D-7BA6-4E72-972A-2672A4F57306}" type="slidenum">
              <a:rPr lang="en-US" altLang="en-US" smtClean="0"/>
              <a:pPr/>
              <a:t>‹#›</a:t>
            </a:fld>
            <a:endParaRPr lang="en-US" alt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EDAED153-7C25-4A68-A47A-162D35EC2598}"/>
              </a:ext>
            </a:extLst>
          </p:cNvPr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821478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BDriven Slide Deck Option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16696DA0-16F8-40B4-BBC7-967AB5E0B01A}"/>
              </a:ext>
            </a:extLst>
          </p:cNvPr>
          <p:cNvSpPr/>
          <p:nvPr userDrawn="1"/>
        </p:nvSpPr>
        <p:spPr>
          <a:xfrm>
            <a:off x="8039100" y="5867399"/>
            <a:ext cx="1104900" cy="990600"/>
          </a:xfrm>
          <a:prstGeom prst="rect">
            <a:avLst/>
          </a:prstGeom>
          <a:solidFill>
            <a:srgbClr val="6C6F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0B9E4AB-3D1B-474D-A32D-15C41DBDCAA6}"/>
              </a:ext>
            </a:extLst>
          </p:cNvPr>
          <p:cNvSpPr/>
          <p:nvPr userDrawn="1"/>
        </p:nvSpPr>
        <p:spPr>
          <a:xfrm>
            <a:off x="0" y="5867397"/>
            <a:ext cx="1104900" cy="990602"/>
          </a:xfrm>
          <a:prstGeom prst="rect">
            <a:avLst/>
          </a:prstGeom>
          <a:solidFill>
            <a:srgbClr val="9B9BC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" name="Trapezoid 3">
            <a:extLst>
              <a:ext uri="{FF2B5EF4-FFF2-40B4-BE49-F238E27FC236}">
                <a16:creationId xmlns:a16="http://schemas.microsoft.com/office/drawing/2014/main" id="{A37AA862-8706-4BB8-AF75-00088BAA1E02}"/>
              </a:ext>
            </a:extLst>
          </p:cNvPr>
          <p:cNvSpPr/>
          <p:nvPr userDrawn="1"/>
        </p:nvSpPr>
        <p:spPr>
          <a:xfrm rot="10800000">
            <a:off x="0" y="5867397"/>
            <a:ext cx="5562600" cy="990601"/>
          </a:xfrm>
          <a:prstGeom prst="trapezoid">
            <a:avLst>
              <a:gd name="adj" fmla="val 45264"/>
            </a:avLst>
          </a:prstGeom>
          <a:solidFill>
            <a:srgbClr val="9B9BC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07846722-5BED-4AD5-9708-8776B45F5057}"/>
              </a:ext>
            </a:extLst>
          </p:cNvPr>
          <p:cNvCxnSpPr>
            <a:cxnSpLocks/>
          </p:cNvCxnSpPr>
          <p:nvPr userDrawn="1"/>
        </p:nvCxnSpPr>
        <p:spPr>
          <a:xfrm>
            <a:off x="833511" y="990600"/>
            <a:ext cx="8310489" cy="0"/>
          </a:xfrm>
          <a:prstGeom prst="line">
            <a:avLst/>
          </a:prstGeom>
          <a:ln>
            <a:solidFill>
              <a:srgbClr val="183B9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 descr="NPWR Logo">
            <a:hlinkClick r:id="rId2"/>
            <a:extLst>
              <a:ext uri="{FF2B5EF4-FFF2-40B4-BE49-F238E27FC236}">
                <a16:creationId xmlns:a16="http://schemas.microsoft.com/office/drawing/2014/main" id="{F8F57675-07F8-40A5-BD89-1605398DBA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9832" y="245365"/>
            <a:ext cx="1566268" cy="4885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5" name="Picture 84">
            <a:extLst>
              <a:ext uri="{FF2B5EF4-FFF2-40B4-BE49-F238E27FC236}">
                <a16:creationId xmlns:a16="http://schemas.microsoft.com/office/drawing/2014/main" id="{80F3A359-859E-46E4-9B18-3163867EEEB3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-12189" y="5875757"/>
            <a:ext cx="5574789" cy="975254"/>
          </a:xfrm>
          <a:prstGeom prst="rect">
            <a:avLst/>
          </a:prstGeom>
        </p:spPr>
      </p:pic>
      <p:sp>
        <p:nvSpPr>
          <p:cNvPr id="6" name="Trapezoid 5">
            <a:extLst>
              <a:ext uri="{FF2B5EF4-FFF2-40B4-BE49-F238E27FC236}">
                <a16:creationId xmlns:a16="http://schemas.microsoft.com/office/drawing/2014/main" id="{5490A5CE-B892-4081-B48B-33B0A9D06E64}"/>
              </a:ext>
            </a:extLst>
          </p:cNvPr>
          <p:cNvSpPr/>
          <p:nvPr userDrawn="1"/>
        </p:nvSpPr>
        <p:spPr>
          <a:xfrm>
            <a:off x="5104814" y="5867400"/>
            <a:ext cx="4039186" cy="990599"/>
          </a:xfrm>
          <a:prstGeom prst="trapezoid">
            <a:avLst>
              <a:gd name="adj" fmla="val 45264"/>
            </a:avLst>
          </a:prstGeom>
          <a:solidFill>
            <a:srgbClr val="6C6F6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554EE93-D937-4D67-96D6-1F64AC6D6F45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5424" y="6462375"/>
            <a:ext cx="993148" cy="274150"/>
          </a:xfrm>
          <a:prstGeom prst="rect">
            <a:avLst/>
          </a:prstGeom>
        </p:spPr>
      </p:pic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500757FF-51CF-4AC3-8D69-9146813AA7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948700" y="6362698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aseline="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D645D042-57D0-4F48-BB52-3C1D95F25D1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149684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3830961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BD8B2CA-3EE9-4515-914C-E0D345335249}"/>
              </a:ext>
            </a:extLst>
          </p:cNvPr>
          <p:cNvSpPr/>
          <p:nvPr userDrawn="1"/>
        </p:nvSpPr>
        <p:spPr>
          <a:xfrm>
            <a:off x="5390613" y="700269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B22A749-4A3F-4C22-AE91-9B3A3A6D096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2">
            <a:extLst>
              <a:ext uri="{FF2B5EF4-FFF2-40B4-BE49-F238E27FC236}">
                <a16:creationId xmlns:a16="http://schemas.microsoft.com/office/drawing/2014/main" id="{45E19E3B-1DF7-4D5B-BEC0-1CD785B83EB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19982" y="5987903"/>
            <a:ext cx="6136488" cy="8700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6701D30F-FF9D-4602-952A-B931DE64B02B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359569" y="5882746"/>
            <a:ext cx="4796900" cy="975254"/>
          </a:xfrm>
          <a:prstGeom prst="rect">
            <a:avLst/>
          </a:prstGeom>
        </p:spPr>
      </p:pic>
      <p:sp>
        <p:nvSpPr>
          <p:cNvPr id="6" name="Freeform: Shape 5">
            <a:extLst>
              <a:ext uri="{FF2B5EF4-FFF2-40B4-BE49-F238E27FC236}">
                <a16:creationId xmlns:a16="http://schemas.microsoft.com/office/drawing/2014/main" id="{CBA0B823-5CB6-4E34-812F-6A221CCB8EF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24874" y="-478"/>
            <a:ext cx="5065739" cy="6858478"/>
          </a:xfrm>
          <a:custGeom>
            <a:avLst/>
            <a:gdLst>
              <a:gd name="connsiteX0" fmla="*/ 0 w 6754318"/>
              <a:gd name="connsiteY0" fmla="*/ 6858478 h 6858478"/>
              <a:gd name="connsiteX1" fmla="*/ 6754318 w 6754318"/>
              <a:gd name="connsiteY1" fmla="*/ 6858478 h 6858478"/>
              <a:gd name="connsiteX2" fmla="*/ 3577943 w 6754318"/>
              <a:gd name="connsiteY2" fmla="*/ 0 h 6858478"/>
              <a:gd name="connsiteX3" fmla="*/ 3572366 w 6754318"/>
              <a:gd name="connsiteY3" fmla="*/ 0 h 6858478"/>
              <a:gd name="connsiteX4" fmla="*/ 2506138 w 6754318"/>
              <a:gd name="connsiteY4" fmla="*/ 0 h 6858478"/>
              <a:gd name="connsiteX5" fmla="*/ 0 w 6754318"/>
              <a:gd name="connsiteY5" fmla="*/ 0 h 6858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754318" h="6858478">
                <a:moveTo>
                  <a:pt x="0" y="6858478"/>
                </a:moveTo>
                <a:lnTo>
                  <a:pt x="6754318" y="6858478"/>
                </a:lnTo>
                <a:lnTo>
                  <a:pt x="3577943" y="0"/>
                </a:lnTo>
                <a:lnTo>
                  <a:pt x="3572366" y="0"/>
                </a:lnTo>
                <a:lnTo>
                  <a:pt x="2506138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1">
              <a:lumMod val="85000"/>
              <a:lumOff val="15000"/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412CDD42-0B41-469B-BFFA-F8626C2A6A3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 userDrawn="1"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-478"/>
            <a:ext cx="4790210" cy="6858478"/>
          </a:xfrm>
          <a:custGeom>
            <a:avLst/>
            <a:gdLst>
              <a:gd name="connsiteX0" fmla="*/ 433167 w 6386947"/>
              <a:gd name="connsiteY0" fmla="*/ 0 h 6858478"/>
              <a:gd name="connsiteX1" fmla="*/ 2138767 w 6386947"/>
              <a:gd name="connsiteY1" fmla="*/ 0 h 6858478"/>
              <a:gd name="connsiteX2" fmla="*/ 3204995 w 6386947"/>
              <a:gd name="connsiteY2" fmla="*/ 0 h 6858478"/>
              <a:gd name="connsiteX3" fmla="*/ 3210572 w 6386947"/>
              <a:gd name="connsiteY3" fmla="*/ 0 h 6858478"/>
              <a:gd name="connsiteX4" fmla="*/ 6386947 w 6386947"/>
              <a:gd name="connsiteY4" fmla="*/ 6858478 h 6858478"/>
              <a:gd name="connsiteX5" fmla="*/ 1832610 w 6386947"/>
              <a:gd name="connsiteY5" fmla="*/ 6858478 h 6858478"/>
              <a:gd name="connsiteX6" fmla="*/ 433167 w 6386947"/>
              <a:gd name="connsiteY6" fmla="*/ 6858478 h 6858478"/>
              <a:gd name="connsiteX7" fmla="*/ 0 w 6386947"/>
              <a:gd name="connsiteY7" fmla="*/ 6858478 h 6858478"/>
              <a:gd name="connsiteX8" fmla="*/ 0 w 6386947"/>
              <a:gd name="connsiteY8" fmla="*/ 478 h 6858478"/>
              <a:gd name="connsiteX9" fmla="*/ 433167 w 6386947"/>
              <a:gd name="connsiteY9" fmla="*/ 478 h 68584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6386947" h="6858478">
                <a:moveTo>
                  <a:pt x="433167" y="0"/>
                </a:moveTo>
                <a:lnTo>
                  <a:pt x="2138767" y="0"/>
                </a:lnTo>
                <a:lnTo>
                  <a:pt x="3204995" y="0"/>
                </a:lnTo>
                <a:lnTo>
                  <a:pt x="3210572" y="0"/>
                </a:lnTo>
                <a:lnTo>
                  <a:pt x="6386947" y="6858478"/>
                </a:lnTo>
                <a:lnTo>
                  <a:pt x="1832610" y="6858478"/>
                </a:lnTo>
                <a:lnTo>
                  <a:pt x="433167" y="6858478"/>
                </a:lnTo>
                <a:lnTo>
                  <a:pt x="0" y="6858478"/>
                </a:lnTo>
                <a:lnTo>
                  <a:pt x="0" y="478"/>
                </a:lnTo>
                <a:lnTo>
                  <a:pt x="433167" y="478"/>
                </a:lnTo>
                <a:close/>
              </a:path>
            </a:pathLst>
          </a:custGeom>
          <a:solidFill>
            <a:schemeClr val="bg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2F880DE6-E6F9-4379-A100-E62DFB8AB58E}"/>
              </a:ext>
            </a:extLst>
          </p:cNvPr>
          <p:cNvSpPr txBox="1">
            <a:spLocks/>
          </p:cNvSpPr>
          <p:nvPr userDrawn="1"/>
        </p:nvSpPr>
        <p:spPr>
          <a:xfrm>
            <a:off x="603504" y="3993681"/>
            <a:ext cx="3043380" cy="224942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9pPr>
            <a:extLst/>
          </a:lstStyle>
          <a:p>
            <a:pPr algn="ctr"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US">
                <a:solidFill>
                  <a:schemeClr val="tx1"/>
                </a:solidFill>
              </a:rPr>
              <a:t>Nevada P-20 to Workforce Research Data System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C2DCAA5-F8C4-4BDD-B6BE-B17F1397CF1D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380905" y="2362921"/>
            <a:ext cx="4571998" cy="1262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284747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P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BD8B2CA-3EE9-4515-914C-E0D345335249}"/>
              </a:ext>
            </a:extLst>
          </p:cNvPr>
          <p:cNvSpPr/>
          <p:nvPr userDrawn="1"/>
        </p:nvSpPr>
        <p:spPr>
          <a:xfrm>
            <a:off x="5656831" y="10668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2">
            <a:extLst>
              <a:ext uri="{FF2B5EF4-FFF2-40B4-BE49-F238E27FC236}">
                <a16:creationId xmlns:a16="http://schemas.microsoft.com/office/drawing/2014/main" id="{45E19E3B-1DF7-4D5B-BEC0-1CD785B83EB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19981" y="5987903"/>
            <a:ext cx="6148957" cy="8700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2F880DE6-E6F9-4379-A100-E62DFB8AB58E}"/>
              </a:ext>
            </a:extLst>
          </p:cNvPr>
          <p:cNvSpPr txBox="1">
            <a:spLocks/>
          </p:cNvSpPr>
          <p:nvPr userDrawn="1"/>
        </p:nvSpPr>
        <p:spPr>
          <a:xfrm>
            <a:off x="603504" y="3993681"/>
            <a:ext cx="3043380" cy="224942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9pPr>
            <a:extLst/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US">
                <a:solidFill>
                  <a:schemeClr val="tx1"/>
                </a:solidFill>
              </a:rPr>
              <a:t>Nevada P-20 to Workforce Research Data System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C2DCAA5-F8C4-4BDD-B6BE-B17F1397CF1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380905" y="2362921"/>
            <a:ext cx="4571998" cy="1262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753900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P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BD8B2CA-3EE9-4515-914C-E0D345335249}"/>
              </a:ext>
            </a:extLst>
          </p:cNvPr>
          <p:cNvSpPr/>
          <p:nvPr userDrawn="1"/>
        </p:nvSpPr>
        <p:spPr>
          <a:xfrm>
            <a:off x="5390613" y="700269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2">
            <a:extLst>
              <a:ext uri="{FF2B5EF4-FFF2-40B4-BE49-F238E27FC236}">
                <a16:creationId xmlns:a16="http://schemas.microsoft.com/office/drawing/2014/main" id="{45E19E3B-1DF7-4D5B-BEC0-1CD785B83EB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19981" y="5987903"/>
            <a:ext cx="6148957" cy="8700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2F880DE6-E6F9-4379-A100-E62DFB8AB58E}"/>
              </a:ext>
            </a:extLst>
          </p:cNvPr>
          <p:cNvSpPr txBox="1">
            <a:spLocks/>
          </p:cNvSpPr>
          <p:nvPr userDrawn="1"/>
        </p:nvSpPr>
        <p:spPr>
          <a:xfrm>
            <a:off x="603504" y="3993681"/>
            <a:ext cx="3043380" cy="224942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9pPr>
            <a:extLst/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US">
                <a:solidFill>
                  <a:schemeClr val="tx1"/>
                </a:solidFill>
              </a:rPr>
              <a:t>Nevada P-20 to Workforce Research Data System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C2DCAA5-F8C4-4BDD-B6BE-B17F1397CF1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380905" y="2362921"/>
            <a:ext cx="4571998" cy="1262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358486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P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9BD8B2CA-3EE9-4515-914C-E0D345335249}"/>
              </a:ext>
            </a:extLst>
          </p:cNvPr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9D737ED3-5BF5-42D1-914B-F0CB5B6F77D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019981" y="5987903"/>
            <a:ext cx="6148957" cy="8700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2F880DE6-E6F9-4379-A100-E62DFB8AB58E}"/>
              </a:ext>
            </a:extLst>
          </p:cNvPr>
          <p:cNvSpPr txBox="1">
            <a:spLocks/>
          </p:cNvSpPr>
          <p:nvPr userDrawn="1"/>
        </p:nvSpPr>
        <p:spPr>
          <a:xfrm>
            <a:off x="603504" y="3993681"/>
            <a:ext cx="3043380" cy="224942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tx2"/>
                </a:solidFill>
                <a:effectLst>
                  <a:outerShdw blurRad="31750" dist="25400" dir="5400000" algn="tl" rotWithShape="0">
                    <a:srgbClr val="000000">
                      <a:alpha val="25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600" b="1">
                <a:solidFill>
                  <a:schemeClr val="tx2"/>
                </a:solidFill>
                <a:latin typeface="Lucida Sans Unicode" pitchFamily="34" charset="0"/>
              </a:defRPr>
            </a:lvl9pPr>
            <a:extLst/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US">
                <a:solidFill>
                  <a:schemeClr val="tx1"/>
                </a:solidFill>
              </a:rPr>
              <a:t>Nevada P-20 to Workforce Research Data System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C2DCAA5-F8C4-4BDD-B6BE-B17F1397CF1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380905" y="2362921"/>
            <a:ext cx="4571998" cy="1262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847758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6605854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EF2A65-A159-4058-BC51-A84A9BE34C7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7D15A59-B370-456B-994A-7634F4CC2AB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49133F-B0B2-43FA-AEBD-8546B90000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08AAAA-9E4A-48F9-B1C4-94B115F374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A2906D-55BC-418E-9042-85C7050EA1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835003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22FB85-F30D-40DD-BE76-B9A3EEFE0D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E4C1C0-E728-4800-80F3-59074DD96B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84056D-11BD-4DF0-9934-6E8EE42867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8F8BD-A574-4553-9EB4-DECFA07066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AC0BD3-C8B4-480B-B718-9BF446C3C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06263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705807-6CD7-45CD-AE0E-D3B3D9BCA6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3CBED77-C1D7-4CCB-8CCF-86FC7108CB8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BD7BA3-412E-4DBC-B883-D6E19CF098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5AE4ED-E146-4CE6-9647-62462E772C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E794173-2E77-440C-BCFF-20A3E06268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14757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9190C8-0D7B-46B2-A849-6621A48238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52C4CBD-D1DE-4339-A5C0-82FAE0B1D7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B22C07-A381-43BB-91F2-58E5FA9C17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96D30F-5572-4DB6-8F45-F7333A52FA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1986F9-8B83-434E-A8DA-366F795BC1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7798756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09D1AE-D4E7-41F2-A88C-7F7A0C9F47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3FCBE0-2061-4B4E-92D3-87CEEEB16A3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6715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2739DCE-85E4-462C-A18D-D5A74E42D1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48200" y="1825625"/>
            <a:ext cx="386715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AA4424F-3E1F-4C7F-A67C-D42052972A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5EEE8DE-AF45-4BD2-B5FF-BAC18A6EAD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2F21567-6FA3-412C-8D5F-93E05C7F94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907507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B76359-CAD3-4F20-8049-778EDA297A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7F682A2-C626-42DB-BC54-9D1880C30C4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999ADED-8821-45C6-A253-E4EDB63E01C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F205DA9-B6BB-434A-B162-C1624F49ABD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8F96C1F-81A7-4D18-A53A-B2C97D80627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0CE2FD7-0184-4BEE-A4DB-B871C58F06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37F5D8F-9268-4FF6-BC3C-F5DD752B55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ED8EAF2-4289-4AEE-8E30-4B34CD61B7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742536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27C634-54D1-4C80-A455-C0A6C1F455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D1E09AD-83CB-4B14-887A-25B503EBDF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C4D79B-CFCF-4A73-A271-2308DED3C2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2BB493-7173-4384-95B2-4CB6809F26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087130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F94A6E1-03B5-470B-8C26-6063627970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354440D-7A41-448E-89E6-CF3D605CF9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E8B4E82-13B4-42D7-81D7-5870CBD373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677440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3F0DFB-665D-4D60-8FD2-DB95DAC7A1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413C431-2A53-48A8-9EA0-1087761A56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76920D2-3827-4AED-90D2-E3BEC54AD1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A8C8DC-446A-4C3B-9144-1ED8CBB26B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67C650B-44C3-473E-81EC-EFE13EC59F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5B864B3-3D40-4107-817A-034D4E1AF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48497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556E88-DE80-49A9-AE93-1E6B1530BA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ADC13FD-7F39-46AA-93C4-8B9B245D0F8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08CA68E-1671-4519-9B87-96DC9774145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36EF0C-939B-43C2-AADF-344C13C24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FEFE21-ECFC-45F4-A210-E36D09C54B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D5E12AB-6429-4C90-8958-9F061CA565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859115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901001-2558-4F6F-B9A2-B278266766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2D5A106-9368-46ED-84BD-19D01C5C8D8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27A037-DE23-4DB1-9630-0BF461FA03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A4F-F708-4DED-8D36-5CAAA7203C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EBC50F-24EB-4526-B2B3-7946B02515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0546640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E61152B-1135-43FA-8D4A-A8D4F8FD919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FC1CDE4-66BE-44BD-AADB-285881F0A3F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7626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557636-7A52-4DEA-8015-DC76ED95F2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423339-97E8-4E51-B3CE-DE2AA6751C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6E9B52-FA0B-4070-9603-2451BB41CB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7439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B14B2E-5A76-4291-A59B-4F8A9783C0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B4BCEA2-8287-4858-A57A-7BE9E292903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342916D-54E5-4B09-9051-08F2E4546B1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6F978D0-1E3C-4D11-B9C8-6A762BCF9B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70DEC86-4D76-4229-8089-BEAC4B1DD1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970D7F6-3707-47F1-A665-2D20F4F5DC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334929241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B09241-421F-4886-A35B-9C9D0F08C3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01EDA8-5D82-4591-A7BF-D9DDF08636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C5F7073-FCC5-4DDD-A619-36A3EF1EEDC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A3CC79C-1BFD-4898-A265-86190E63C05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941B326-E9F2-434A-88A7-5FC92B5C7A4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100D020-31EB-498F-8673-2F86FE8C1D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76C7310-A52A-493F-87DC-1DB05CA397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1807250-6DAE-4765-95A3-9B8C08DB00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988818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E41B38-88D8-47C4-B0EF-F2EADD8270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65400A-D84E-414D-A3D9-73C42E5F6B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F3844BE-2A50-47A2-9FEE-696901AE7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E194838-DA5D-474F-AB3C-5F78D1FB7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494298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517282-3DC8-45C5-89F3-69FE1DCCC9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3B272FB-3BE5-4AD8-A4BA-9B1A1862C3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B3E834-4190-4C91-8F99-3A1A19E108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341057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0ECBE1-0CD8-4247-A008-C3E4DB4697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8AC15FB-89CC-4F76-8CA9-5EDAACB79CB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5DABD76-80C2-437F-88DC-3CB95762EC5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D8F95C5-9179-4678-9DD8-9ADA0381F1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C31B432-042B-4093-BF54-37A7038B49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387B9C-B71B-4550-87AD-D41440F62C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39E0245-7C27-4ED0-8785-9C059D2C531D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664922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7C27B6-6891-4A53-90C8-CC21E7814D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48F8AB1-BA89-4ED4-8BB7-EAE7E8519D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1BEAE2-98F1-4D7F-B390-90ECD16A885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410A86-45FA-4141-BCF4-9CD521850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2E719A0-40B9-47F7-B457-2B0CC1CE8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6A47DD-EC48-4C09-AECC-F508282D50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2727923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2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4.xml"/><Relationship Id="rId3" Type="http://schemas.openxmlformats.org/officeDocument/2006/relationships/slideLayout" Target="../slideLayouts/slideLayout29.xml"/><Relationship Id="rId7" Type="http://schemas.openxmlformats.org/officeDocument/2006/relationships/slideLayout" Target="../slideLayouts/slideLayout33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8.xml"/><Relationship Id="rId1" Type="http://schemas.openxmlformats.org/officeDocument/2006/relationships/slideLayout" Target="../slideLayouts/slideLayout27.xml"/><Relationship Id="rId6" Type="http://schemas.openxmlformats.org/officeDocument/2006/relationships/slideLayout" Target="../slideLayouts/slideLayout32.xml"/><Relationship Id="rId11" Type="http://schemas.openxmlformats.org/officeDocument/2006/relationships/slideLayout" Target="../slideLayouts/slideLayout37.xml"/><Relationship Id="rId5" Type="http://schemas.openxmlformats.org/officeDocument/2006/relationships/slideLayout" Target="../slideLayouts/slideLayout31.xml"/><Relationship Id="rId10" Type="http://schemas.openxmlformats.org/officeDocument/2006/relationships/slideLayout" Target="../slideLayouts/slideLayout36.xml"/><Relationship Id="rId4" Type="http://schemas.openxmlformats.org/officeDocument/2006/relationships/slideLayout" Target="../slideLayouts/slideLayout30.xml"/><Relationship Id="rId9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7A28FBF-C66E-48E4-AEEB-34B3E919EE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294E711-777D-4463-A372-E7E6A93CDE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8C0843-8D21-45B3-B8F6-C59AC4CD17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43E9F0-2835-42AF-B668-C2A19455F2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5711B8-2E4C-4347-AEFC-88446C912AF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095F598-71BE-4AD7-9C3F-0A8BAB4D7FAC}" type="slidenum">
              <a:rPr lang="en-US" altLang="en-US" smtClean="0"/>
              <a:pPr/>
              <a:t>‹#›</a:t>
            </a:fld>
            <a:endParaRPr lang="en-US" alt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1C710AE-CA44-4957-865A-9F9BD1D01128}"/>
              </a:ext>
            </a:extLst>
          </p:cNvPr>
          <p:cNvSpPr>
            <a:spLocks noChangeArrowheads="1"/>
          </p:cNvSpPr>
          <p:nvPr userDrawn="1"/>
        </p:nvSpPr>
        <p:spPr bwMode="auto">
          <a:xfrm flipV="1">
            <a:off x="452438" y="1298575"/>
            <a:ext cx="8229600" cy="26988"/>
          </a:xfrm>
          <a:prstGeom prst="rect">
            <a:avLst/>
          </a:prstGeom>
          <a:gradFill rotWithShape="1">
            <a:gsLst>
              <a:gs pos="0">
                <a:srgbClr val="CEB034"/>
              </a:gs>
              <a:gs pos="50000">
                <a:srgbClr val="F3D738"/>
              </a:gs>
              <a:gs pos="100000">
                <a:srgbClr val="CEB034"/>
              </a:gs>
            </a:gsLst>
            <a:lin ang="5400000" scaled="1"/>
          </a:gra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latin typeface="+mn-lt"/>
              <a:cs typeface="+mn-cs"/>
            </a:endParaRPr>
          </a:p>
        </p:txBody>
      </p:sp>
      <p:sp>
        <p:nvSpPr>
          <p:cNvPr id="8" name="Rectangle 6">
            <a:extLst>
              <a:ext uri="{FF2B5EF4-FFF2-40B4-BE49-F238E27FC236}">
                <a16:creationId xmlns:a16="http://schemas.microsoft.com/office/drawing/2014/main" id="{B9C93C2A-E38F-45A2-BA6F-704C48B90F38}"/>
              </a:ext>
            </a:extLst>
          </p:cNvPr>
          <p:cNvSpPr>
            <a:spLocks noChangeArrowheads="1"/>
          </p:cNvSpPr>
          <p:nvPr userDrawn="1"/>
        </p:nvSpPr>
        <p:spPr bwMode="auto">
          <a:xfrm flipV="1">
            <a:off x="457200" y="1330325"/>
            <a:ext cx="6400800" cy="19050"/>
          </a:xfrm>
          <a:prstGeom prst="rect">
            <a:avLst/>
          </a:prstGeom>
          <a:solidFill>
            <a:schemeClr val="bg2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latin typeface="+mn-lt"/>
              <a:cs typeface="+mn-cs"/>
            </a:endParaRPr>
          </a:p>
        </p:txBody>
      </p:sp>
      <p:pic>
        <p:nvPicPr>
          <p:cNvPr id="9" name="Picture 5" descr="final_connect_largegif">
            <a:extLst>
              <a:ext uri="{FF2B5EF4-FFF2-40B4-BE49-F238E27FC236}">
                <a16:creationId xmlns:a16="http://schemas.microsoft.com/office/drawing/2014/main" id="{D1FA8256-ADBA-475E-B2BD-05B0DFC7CE8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43600" y="457200"/>
            <a:ext cx="2970213" cy="703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3F59379B-361F-4873-901E-A50BC8D48771}"/>
              </a:ext>
            </a:extLst>
          </p:cNvPr>
          <p:cNvSpPr/>
          <p:nvPr userDrawn="1"/>
        </p:nvSpPr>
        <p:spPr>
          <a:xfrm>
            <a:off x="5867400" y="457200"/>
            <a:ext cx="3200400" cy="762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07522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3" r:id="rId1"/>
    <p:sldLayoutId id="2147483744" r:id="rId2"/>
    <p:sldLayoutId id="2147483745" r:id="rId3"/>
    <p:sldLayoutId id="2147483746" r:id="rId4"/>
    <p:sldLayoutId id="2147483747" r:id="rId5"/>
    <p:sldLayoutId id="2147483748" r:id="rId6"/>
    <p:sldLayoutId id="2147483749" r:id="rId7"/>
    <p:sldLayoutId id="2147483750" r:id="rId8"/>
    <p:sldLayoutId id="2147483751" r:id="rId9"/>
    <p:sldLayoutId id="2147483752" r:id="rId10"/>
    <p:sldLayoutId id="2147483753" r:id="rId11"/>
    <p:sldLayoutId id="2147483723" r:id="rId12"/>
    <p:sldLayoutId id="2147483724" r:id="rId13"/>
    <p:sldLayoutId id="2147483725" r:id="rId14"/>
  </p:sldLayoutIdLst>
  <p:hf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061746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5" r:id="rId1"/>
    <p:sldLayoutId id="2147483757" r:id="rId2"/>
    <p:sldLayoutId id="2147483759" r:id="rId3"/>
    <p:sldLayoutId id="2147483756" r:id="rId4"/>
    <p:sldLayoutId id="2147483758" r:id="rId5"/>
    <p:sldLayoutId id="2147483775" r:id="rId6"/>
    <p:sldLayoutId id="2147483774" r:id="rId7"/>
    <p:sldLayoutId id="2147483761" r:id="rId8"/>
    <p:sldLayoutId id="2147483778" r:id="rId9"/>
    <p:sldLayoutId id="2147483777" r:id="rId10"/>
    <p:sldLayoutId id="2147483776" r:id="rId11"/>
    <p:sldLayoutId id="2147483779" r:id="rId12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5C94739-6C57-45C6-B734-A1EAEA9205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5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C474B20-F60B-449D-B1FD-692FBE91B1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5F60E9A-32EC-4EF5-8346-6E4688B03E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8C6C43-602A-4947-8E7F-E2574E50715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2D5A6E-4C5C-43D4-97A9-785B600FB73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45D042-57D0-4F48-BB52-3C1D95F25D1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9102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3" r:id="rId1"/>
    <p:sldLayoutId id="2147483764" r:id="rId2"/>
    <p:sldLayoutId id="2147483765" r:id="rId3"/>
    <p:sldLayoutId id="2147483766" r:id="rId4"/>
    <p:sldLayoutId id="2147483767" r:id="rId5"/>
    <p:sldLayoutId id="2147483768" r:id="rId6"/>
    <p:sldLayoutId id="2147483769" r:id="rId7"/>
    <p:sldLayoutId id="2147483770" r:id="rId8"/>
    <p:sldLayoutId id="2147483771" r:id="rId9"/>
    <p:sldLayoutId id="2147483772" r:id="rId10"/>
    <p:sldLayoutId id="2147483773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://npwr.nv.gov/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8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image" Target="../media/image9.png"/><Relationship Id="rId4" Type="http://schemas.openxmlformats.org/officeDocument/2006/relationships/tags" Target="../tags/tag4.xml"/><Relationship Id="rId9" Type="http://schemas.openxmlformats.org/officeDocument/2006/relationships/notesSlide" Target="../notesSlides/notesSlide9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sv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5F5F5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554AE1C-624E-4207-9765-07BFF5C3EC85}"/>
              </a:ext>
            </a:extLst>
          </p:cNvPr>
          <p:cNvSpPr txBox="1">
            <a:spLocks/>
          </p:cNvSpPr>
          <p:nvPr/>
        </p:nvSpPr>
        <p:spPr>
          <a:xfrm>
            <a:off x="4953000" y="4953000"/>
            <a:ext cx="4191000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endParaRPr lang="en-US" sz="1800">
              <a:solidFill>
                <a:srgbClr val="303030"/>
              </a:solidFill>
            </a:endParaRPr>
          </a:p>
        </p:txBody>
      </p:sp>
      <p:pic>
        <p:nvPicPr>
          <p:cNvPr id="2" name="Picture 1" descr="NPWR Logo">
            <a:hlinkClick r:id="rId3"/>
            <a:extLst>
              <a:ext uri="{FF2B5EF4-FFF2-40B4-BE49-F238E27FC236}">
                <a16:creationId xmlns:a16="http://schemas.microsoft.com/office/drawing/2014/main" id="{A0DC2B21-0821-4A09-B34A-2CAD03AC42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04407" y="96243"/>
            <a:ext cx="1366528" cy="4262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389844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E666CF2-79F5-4703-94ED-C531909ACE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153" name="Title 2">
            <a:extLst>
              <a:ext uri="{FF2B5EF4-FFF2-40B4-BE49-F238E27FC236}">
                <a16:creationId xmlns:a16="http://schemas.microsoft.com/office/drawing/2014/main" id="{5A79B5D7-116A-48FD-8659-C5EBAD62449F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6553200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Governance Structure,</a:t>
            </a:r>
          </a:p>
          <a:p>
            <a:r>
              <a:rPr lang="en-US" sz="3500" dirty="0">
                <a:solidFill>
                  <a:srgbClr val="303030"/>
                </a:solidFill>
              </a:rPr>
              <a:t>Safe and Secure</a:t>
            </a:r>
          </a:p>
        </p:txBody>
      </p:sp>
      <p:sp>
        <p:nvSpPr>
          <p:cNvPr id="1041" name="OTLSHAPE_TB_00000000000000000000000000000000_LeftEndCaps" hidden="1">
            <a:extLst>
              <a:ext uri="{FF2B5EF4-FFF2-40B4-BE49-F238E27FC236}">
                <a16:creationId xmlns:a16="http://schemas.microsoft.com/office/drawing/2014/main" id="{B9CDB892-5979-4C95-84EE-16E95AF37CD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42" name="OTLSHAPE_TB_00000000000000000000000000000000_RightEndCaps" hidden="1">
            <a:extLst>
              <a:ext uri="{FF2B5EF4-FFF2-40B4-BE49-F238E27FC236}">
                <a16:creationId xmlns:a16="http://schemas.microsoft.com/office/drawing/2014/main" id="{A2D23170-F5D1-44D7-B9AB-67A8E64548E1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50" name="OTLSHAPE_TB_00000000000000000000000000000000_ElapsedTime">
            <a:extLst>
              <a:ext uri="{FF2B5EF4-FFF2-40B4-BE49-F238E27FC236}">
                <a16:creationId xmlns:a16="http://schemas.microsoft.com/office/drawing/2014/main" id="{03BCBC85-071A-40B4-9C18-EE876CCA431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1977708"/>
            <a:ext cx="15875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876D3720-1FF6-4EFF-8186-A51A867BF01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384843" y="2028508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A1CA90FF-24FA-4B3F-9784-46455CA9685A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286000" y="2113175"/>
            <a:ext cx="27379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01" name="OTLSHAPE_TB_00000000000000000000000000000000_TimescaleInterval1">
            <a:extLst>
              <a:ext uri="{FF2B5EF4-FFF2-40B4-BE49-F238E27FC236}">
                <a16:creationId xmlns:a16="http://schemas.microsoft.com/office/drawing/2014/main" id="{AA3D264F-49C8-9370-D020-3E0172969B9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490847" y="1831743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grpSp>
        <p:nvGrpSpPr>
          <p:cNvPr id="80" name="Google Shape;310;p18">
            <a:extLst>
              <a:ext uri="{FF2B5EF4-FFF2-40B4-BE49-F238E27FC236}">
                <a16:creationId xmlns:a16="http://schemas.microsoft.com/office/drawing/2014/main" id="{6C0CFD59-2CF6-6A9B-721D-BFE1E9261B0C}"/>
              </a:ext>
            </a:extLst>
          </p:cNvPr>
          <p:cNvGrpSpPr/>
          <p:nvPr/>
        </p:nvGrpSpPr>
        <p:grpSpPr>
          <a:xfrm>
            <a:off x="385409" y="1624261"/>
            <a:ext cx="8523112" cy="3781523"/>
            <a:chOff x="535193" y="1043313"/>
            <a:chExt cx="8523112" cy="3781523"/>
          </a:xfrm>
        </p:grpSpPr>
        <p:grpSp>
          <p:nvGrpSpPr>
            <p:cNvPr id="85" name="Google Shape;311;p18">
              <a:extLst>
                <a:ext uri="{FF2B5EF4-FFF2-40B4-BE49-F238E27FC236}">
                  <a16:creationId xmlns:a16="http://schemas.microsoft.com/office/drawing/2014/main" id="{5BF5F3FF-1250-7934-BE11-A3D96E94A7CD}"/>
                </a:ext>
              </a:extLst>
            </p:cNvPr>
            <p:cNvGrpSpPr/>
            <p:nvPr/>
          </p:nvGrpSpPr>
          <p:grpSpPr>
            <a:xfrm>
              <a:off x="535193" y="1043313"/>
              <a:ext cx="8523112" cy="3781523"/>
              <a:chOff x="535193" y="1022350"/>
              <a:chExt cx="8523112" cy="3781523"/>
            </a:xfrm>
          </p:grpSpPr>
          <p:grpSp>
            <p:nvGrpSpPr>
              <p:cNvPr id="88" name="Google Shape;312;p18">
                <a:extLst>
                  <a:ext uri="{FF2B5EF4-FFF2-40B4-BE49-F238E27FC236}">
                    <a16:creationId xmlns:a16="http://schemas.microsoft.com/office/drawing/2014/main" id="{5EE8BFCF-C709-13AB-6702-4D0A9A6EE67E}"/>
                  </a:ext>
                </a:extLst>
              </p:cNvPr>
              <p:cNvGrpSpPr/>
              <p:nvPr/>
            </p:nvGrpSpPr>
            <p:grpSpPr>
              <a:xfrm>
                <a:off x="535193" y="1377279"/>
                <a:ext cx="2292038" cy="509341"/>
                <a:chOff x="1793" y="767679"/>
                <a:chExt cx="2292038" cy="509341"/>
              </a:xfrm>
            </p:grpSpPr>
            <p:sp>
              <p:nvSpPr>
                <p:cNvPr id="1029" name="Google Shape;313;p18">
                  <a:extLst>
                    <a:ext uri="{FF2B5EF4-FFF2-40B4-BE49-F238E27FC236}">
                      <a16:creationId xmlns:a16="http://schemas.microsoft.com/office/drawing/2014/main" id="{1FE41082-ACDC-0186-B56F-063A7DA5F072}"/>
                    </a:ext>
                  </a:extLst>
                </p:cNvPr>
                <p:cNvSpPr/>
                <p:nvPr/>
              </p:nvSpPr>
              <p:spPr>
                <a:xfrm>
                  <a:off x="1793" y="767679"/>
                  <a:ext cx="1273354" cy="509341"/>
                </a:xfrm>
                <a:prstGeom prst="homePlate">
                  <a:avLst>
                    <a:gd name="adj" fmla="val 50000"/>
                  </a:avLst>
                </a:prstGeom>
                <a:solidFill>
                  <a:srgbClr val="92D050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030" name="Google Shape;314;p18">
                  <a:extLst>
                    <a:ext uri="{FF2B5EF4-FFF2-40B4-BE49-F238E27FC236}">
                      <a16:creationId xmlns:a16="http://schemas.microsoft.com/office/drawing/2014/main" id="{8E834F34-149F-4995-4A3A-8CD0F7601A82}"/>
                    </a:ext>
                  </a:extLst>
                </p:cNvPr>
                <p:cNvSpPr txBox="1"/>
                <p:nvPr/>
              </p:nvSpPr>
              <p:spPr>
                <a:xfrm>
                  <a:off x="1793" y="767679"/>
                  <a:ext cx="1146019" cy="50934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58650" tIns="29325" rIns="14650" bIns="293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Researcher Outreach</a:t>
                  </a:r>
                  <a:endParaRPr dirty="0"/>
                </a:p>
              </p:txBody>
            </p:sp>
            <p:sp>
              <p:nvSpPr>
                <p:cNvPr id="1031" name="Google Shape;315;p18">
                  <a:extLst>
                    <a:ext uri="{FF2B5EF4-FFF2-40B4-BE49-F238E27FC236}">
                      <a16:creationId xmlns:a16="http://schemas.microsoft.com/office/drawing/2014/main" id="{C2815F7E-7BB8-A9F6-887C-2E90C96CF971}"/>
                    </a:ext>
                  </a:extLst>
                </p:cNvPr>
                <p:cNvSpPr/>
                <p:nvPr/>
              </p:nvSpPr>
              <p:spPr>
                <a:xfrm>
                  <a:off x="1020477" y="767679"/>
                  <a:ext cx="1273354" cy="509341"/>
                </a:xfrm>
                <a:prstGeom prst="chevron">
                  <a:avLst>
                    <a:gd name="adj" fmla="val 50000"/>
                  </a:avLst>
                </a:prstGeom>
                <a:solidFill>
                  <a:srgbClr val="FFC000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032" name="Google Shape;316;p18">
                  <a:extLst>
                    <a:ext uri="{FF2B5EF4-FFF2-40B4-BE49-F238E27FC236}">
                      <a16:creationId xmlns:a16="http://schemas.microsoft.com/office/drawing/2014/main" id="{609E23CB-3935-2D95-5B58-FC3C01A583F7}"/>
                    </a:ext>
                  </a:extLst>
                </p:cNvPr>
                <p:cNvSpPr txBox="1"/>
                <p:nvPr/>
              </p:nvSpPr>
              <p:spPr>
                <a:xfrm>
                  <a:off x="1275148" y="767679"/>
                  <a:ext cx="864608" cy="50934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44000" tIns="29325" rIns="14650" bIns="293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Researcher user Acct</a:t>
                  </a:r>
                  <a:endParaRPr dirty="0"/>
                </a:p>
              </p:txBody>
            </p:sp>
          </p:grpSp>
          <p:grpSp>
            <p:nvGrpSpPr>
              <p:cNvPr id="90" name="Google Shape;317;p18">
                <a:extLst>
                  <a:ext uri="{FF2B5EF4-FFF2-40B4-BE49-F238E27FC236}">
                    <a16:creationId xmlns:a16="http://schemas.microsoft.com/office/drawing/2014/main" id="{FD946533-FCAE-FBC1-673A-FD2EF8A496C6}"/>
                  </a:ext>
                </a:extLst>
              </p:cNvPr>
              <p:cNvGrpSpPr/>
              <p:nvPr/>
            </p:nvGrpSpPr>
            <p:grpSpPr>
              <a:xfrm>
                <a:off x="1192412" y="1022350"/>
                <a:ext cx="4677533" cy="3781523"/>
                <a:chOff x="498725" y="0"/>
                <a:chExt cx="4677533" cy="3781523"/>
              </a:xfrm>
            </p:grpSpPr>
            <p:sp>
              <p:nvSpPr>
                <p:cNvPr id="172" name="Google Shape;318;p18">
                  <a:extLst>
                    <a:ext uri="{FF2B5EF4-FFF2-40B4-BE49-F238E27FC236}">
                      <a16:creationId xmlns:a16="http://schemas.microsoft.com/office/drawing/2014/main" id="{318F93D4-EFB7-C732-EB4C-45A7FBEB34BD}"/>
                    </a:ext>
                  </a:extLst>
                </p:cNvPr>
                <p:cNvSpPr/>
                <p:nvPr/>
              </p:nvSpPr>
              <p:spPr>
                <a:xfrm>
                  <a:off x="2143213" y="1600214"/>
                  <a:ext cx="1374863" cy="1374863"/>
                </a:xfrm>
                <a:prstGeom prst="ellipse">
                  <a:avLst/>
                </a:prstGeom>
                <a:solidFill>
                  <a:srgbClr val="FFC000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73" name="Google Shape;319;p18">
                  <a:extLst>
                    <a:ext uri="{FF2B5EF4-FFF2-40B4-BE49-F238E27FC236}">
                      <a16:creationId xmlns:a16="http://schemas.microsoft.com/office/drawing/2014/main" id="{7E52EC54-AE69-B483-0591-AD7BBC590F45}"/>
                    </a:ext>
                  </a:extLst>
                </p:cNvPr>
                <p:cNvSpPr txBox="1"/>
                <p:nvPr/>
              </p:nvSpPr>
              <p:spPr>
                <a:xfrm>
                  <a:off x="2280983" y="1801558"/>
                  <a:ext cx="1135378" cy="972175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3950" tIns="13950" rIns="13950" bIns="1395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Agency Approve/Reject</a:t>
                  </a:r>
                  <a:endParaRPr dirty="0"/>
                </a:p>
              </p:txBody>
            </p:sp>
            <p:sp>
              <p:nvSpPr>
                <p:cNvPr id="178" name="Google Shape;320;p18">
                  <a:extLst>
                    <a:ext uri="{FF2B5EF4-FFF2-40B4-BE49-F238E27FC236}">
                      <a16:creationId xmlns:a16="http://schemas.microsoft.com/office/drawing/2014/main" id="{A4FC1154-310B-02BB-5388-20B8289BB298}"/>
                    </a:ext>
                  </a:extLst>
                </p:cNvPr>
                <p:cNvSpPr/>
                <p:nvPr/>
              </p:nvSpPr>
              <p:spPr>
                <a:xfrm rot="5480761">
                  <a:off x="2789530" y="1257198"/>
                  <a:ext cx="119669" cy="467453"/>
                </a:xfrm>
                <a:prstGeom prst="rightArrow">
                  <a:avLst>
                    <a:gd name="adj1" fmla="val 60000"/>
                    <a:gd name="adj2" fmla="val 50000"/>
                  </a:avLst>
                </a:prstGeom>
                <a:solidFill>
                  <a:srgbClr val="ABBADE"/>
                </a:solidFill>
                <a:ln>
                  <a:noFill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86" name="Google Shape;321;p18">
                  <a:extLst>
                    <a:ext uri="{FF2B5EF4-FFF2-40B4-BE49-F238E27FC236}">
                      <a16:creationId xmlns:a16="http://schemas.microsoft.com/office/drawing/2014/main" id="{8DA2A51B-E577-BC08-D685-113E63A28C84}"/>
                    </a:ext>
                  </a:extLst>
                </p:cNvPr>
                <p:cNvSpPr txBox="1"/>
                <p:nvPr/>
              </p:nvSpPr>
              <p:spPr>
                <a:xfrm rot="5480761">
                  <a:off x="2807902" y="1332743"/>
                  <a:ext cx="83768" cy="28047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0" tIns="0" rIns="0" bIns="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900"/>
                    <a:buFont typeface="Arial"/>
                    <a:buNone/>
                  </a:pPr>
                  <a:endParaRPr sz="900">
                    <a:solidFill>
                      <a:schemeClr val="lt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187" name="Google Shape;322;p18">
                  <a:extLst>
                    <a:ext uri="{FF2B5EF4-FFF2-40B4-BE49-F238E27FC236}">
                      <a16:creationId xmlns:a16="http://schemas.microsoft.com/office/drawing/2014/main" id="{39C60AB1-0C91-1010-8884-D982CB369E91}"/>
                    </a:ext>
                  </a:extLst>
                </p:cNvPr>
                <p:cNvSpPr/>
                <p:nvPr/>
              </p:nvSpPr>
              <p:spPr>
                <a:xfrm>
                  <a:off x="2180813" y="0"/>
                  <a:ext cx="1374863" cy="1374863"/>
                </a:xfrm>
                <a:prstGeom prst="ellipse">
                  <a:avLst/>
                </a:prstGeom>
                <a:solidFill>
                  <a:srgbClr val="4372C3"/>
                </a:solidFill>
                <a:ln w="104775" cap="flat" cmpd="sng">
                  <a:solidFill>
                    <a:srgbClr val="131C20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dirty="0"/>
                </a:p>
              </p:txBody>
            </p:sp>
            <p:sp>
              <p:nvSpPr>
                <p:cNvPr id="188" name="Google Shape;323;p18">
                  <a:extLst>
                    <a:ext uri="{FF2B5EF4-FFF2-40B4-BE49-F238E27FC236}">
                      <a16:creationId xmlns:a16="http://schemas.microsoft.com/office/drawing/2014/main" id="{76DE84C6-98A0-84FB-FBA4-5A1879C49929}"/>
                    </a:ext>
                  </a:extLst>
                </p:cNvPr>
                <p:cNvSpPr txBox="1"/>
                <p:nvPr/>
              </p:nvSpPr>
              <p:spPr>
                <a:xfrm>
                  <a:off x="2382157" y="201344"/>
                  <a:ext cx="972175" cy="972175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3950" tIns="13950" rIns="13950" bIns="1395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Research Purpose Build &amp; Submit</a:t>
                  </a:r>
                  <a:endParaRPr dirty="0"/>
                </a:p>
              </p:txBody>
            </p:sp>
            <p:sp>
              <p:nvSpPr>
                <p:cNvPr id="189" name="Google Shape;324;p18">
                  <a:extLst>
                    <a:ext uri="{FF2B5EF4-FFF2-40B4-BE49-F238E27FC236}">
                      <a16:creationId xmlns:a16="http://schemas.microsoft.com/office/drawing/2014/main" id="{11A3954C-69FB-819F-0E71-59EAC886B23F}"/>
                    </a:ext>
                  </a:extLst>
                </p:cNvPr>
                <p:cNvSpPr/>
                <p:nvPr/>
              </p:nvSpPr>
              <p:spPr>
                <a:xfrm rot="-1498135">
                  <a:off x="1893521" y="2454125"/>
                  <a:ext cx="242060" cy="467453"/>
                </a:xfrm>
                <a:prstGeom prst="rightArrow">
                  <a:avLst>
                    <a:gd name="adj1" fmla="val 60000"/>
                    <a:gd name="adj2" fmla="val 50000"/>
                  </a:avLst>
                </a:prstGeom>
                <a:solidFill>
                  <a:srgbClr val="ABBADE"/>
                </a:solidFill>
                <a:ln>
                  <a:noFill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90" name="Google Shape;325;p18">
                  <a:extLst>
                    <a:ext uri="{FF2B5EF4-FFF2-40B4-BE49-F238E27FC236}">
                      <a16:creationId xmlns:a16="http://schemas.microsoft.com/office/drawing/2014/main" id="{9C5F6869-E123-F77D-2A09-9D883FC4B91C}"/>
                    </a:ext>
                  </a:extLst>
                </p:cNvPr>
                <p:cNvSpPr txBox="1"/>
                <p:nvPr/>
              </p:nvSpPr>
              <p:spPr>
                <a:xfrm rot="9301865">
                  <a:off x="1896915" y="2562943"/>
                  <a:ext cx="169442" cy="28047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0" tIns="0" rIns="0" bIns="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900"/>
                    <a:buFont typeface="Arial"/>
                    <a:buNone/>
                  </a:pPr>
                  <a:endParaRPr sz="900">
                    <a:solidFill>
                      <a:schemeClr val="lt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191" name="Google Shape;326;p18">
                  <a:extLst>
                    <a:ext uri="{FF2B5EF4-FFF2-40B4-BE49-F238E27FC236}">
                      <a16:creationId xmlns:a16="http://schemas.microsoft.com/office/drawing/2014/main" id="{0BA8A289-2325-6D88-0DD6-25E58E57241E}"/>
                    </a:ext>
                  </a:extLst>
                </p:cNvPr>
                <p:cNvSpPr/>
                <p:nvPr/>
              </p:nvSpPr>
              <p:spPr>
                <a:xfrm>
                  <a:off x="498725" y="2406660"/>
                  <a:ext cx="1374863" cy="1374863"/>
                </a:xfrm>
                <a:prstGeom prst="ellipse">
                  <a:avLst/>
                </a:prstGeom>
                <a:solidFill>
                  <a:srgbClr val="4372C3"/>
                </a:solidFill>
                <a:ln w="104775" cap="flat" cmpd="sng">
                  <a:solidFill>
                    <a:srgbClr val="131C20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 dirty="0"/>
                </a:p>
              </p:txBody>
            </p:sp>
            <p:sp>
              <p:nvSpPr>
                <p:cNvPr id="1024" name="Google Shape;327;p18">
                  <a:extLst>
                    <a:ext uri="{FF2B5EF4-FFF2-40B4-BE49-F238E27FC236}">
                      <a16:creationId xmlns:a16="http://schemas.microsoft.com/office/drawing/2014/main" id="{901505E9-7D84-28EA-F38D-4052763FEBA9}"/>
                    </a:ext>
                  </a:extLst>
                </p:cNvPr>
                <p:cNvSpPr txBox="1"/>
                <p:nvPr/>
              </p:nvSpPr>
              <p:spPr>
                <a:xfrm>
                  <a:off x="700069" y="2608004"/>
                  <a:ext cx="972175" cy="972175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3950" tIns="13950" rIns="13950" bIns="1395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RUDA Build &amp; Submit</a:t>
                  </a:r>
                  <a:endParaRPr dirty="0"/>
                </a:p>
              </p:txBody>
            </p:sp>
            <p:sp>
              <p:nvSpPr>
                <p:cNvPr id="1025" name="Google Shape;328;p18">
                  <a:extLst>
                    <a:ext uri="{FF2B5EF4-FFF2-40B4-BE49-F238E27FC236}">
                      <a16:creationId xmlns:a16="http://schemas.microsoft.com/office/drawing/2014/main" id="{1D62B53A-41ED-4C95-7DC2-A249A60E1D4C}"/>
                    </a:ext>
                  </a:extLst>
                </p:cNvPr>
                <p:cNvSpPr/>
                <p:nvPr/>
              </p:nvSpPr>
              <p:spPr>
                <a:xfrm rot="-9389459">
                  <a:off x="3537217" y="2419577"/>
                  <a:ext cx="232984" cy="467453"/>
                </a:xfrm>
                <a:prstGeom prst="rightArrow">
                  <a:avLst>
                    <a:gd name="adj1" fmla="val 60000"/>
                    <a:gd name="adj2" fmla="val 50000"/>
                  </a:avLst>
                </a:prstGeom>
                <a:solidFill>
                  <a:srgbClr val="ABBADE"/>
                </a:solidFill>
                <a:ln>
                  <a:noFill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026" name="Google Shape;329;p18">
                  <a:extLst>
                    <a:ext uri="{FF2B5EF4-FFF2-40B4-BE49-F238E27FC236}">
                      <a16:creationId xmlns:a16="http://schemas.microsoft.com/office/drawing/2014/main" id="{3390FA90-7F59-B6C6-6D84-6A0263D44A35}"/>
                    </a:ext>
                  </a:extLst>
                </p:cNvPr>
                <p:cNvSpPr txBox="1"/>
                <p:nvPr/>
              </p:nvSpPr>
              <p:spPr>
                <a:xfrm rot="-9389459">
                  <a:off x="3604211" y="2527008"/>
                  <a:ext cx="163089" cy="28047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0" tIns="0" rIns="0" bIns="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900"/>
                    <a:buFont typeface="Arial"/>
                    <a:buNone/>
                  </a:pPr>
                  <a:endParaRPr sz="900">
                    <a:solidFill>
                      <a:schemeClr val="lt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1027" name="Google Shape;330;p18">
                  <a:extLst>
                    <a:ext uri="{FF2B5EF4-FFF2-40B4-BE49-F238E27FC236}">
                      <a16:creationId xmlns:a16="http://schemas.microsoft.com/office/drawing/2014/main" id="{2F46115E-803C-0A32-2771-2FD72E89F6DE}"/>
                    </a:ext>
                  </a:extLst>
                </p:cNvPr>
                <p:cNvSpPr/>
                <p:nvPr/>
              </p:nvSpPr>
              <p:spPr>
                <a:xfrm>
                  <a:off x="3801395" y="2336885"/>
                  <a:ext cx="1374863" cy="1374863"/>
                </a:xfrm>
                <a:prstGeom prst="ellipse">
                  <a:avLst/>
                </a:prstGeom>
                <a:solidFill>
                  <a:srgbClr val="4372C3"/>
                </a:solidFill>
                <a:ln w="104775" cap="flat" cmpd="sng">
                  <a:solidFill>
                    <a:srgbClr val="131C20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028" name="Google Shape;331;p18">
                  <a:extLst>
                    <a:ext uri="{FF2B5EF4-FFF2-40B4-BE49-F238E27FC236}">
                      <a16:creationId xmlns:a16="http://schemas.microsoft.com/office/drawing/2014/main" id="{F7154BB2-5EFB-2BCF-A2EB-E37F1A99068A}"/>
                    </a:ext>
                  </a:extLst>
                </p:cNvPr>
                <p:cNvSpPr txBox="1"/>
                <p:nvPr/>
              </p:nvSpPr>
              <p:spPr>
                <a:xfrm>
                  <a:off x="4002739" y="2538229"/>
                  <a:ext cx="972175" cy="972175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13950" tIns="13950" rIns="13950" bIns="1395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Data Request, Package &amp; Submit</a:t>
                  </a:r>
                  <a:endParaRPr dirty="0"/>
                </a:p>
              </p:txBody>
            </p:sp>
          </p:grpSp>
          <p:grpSp>
            <p:nvGrpSpPr>
              <p:cNvPr id="92" name="Google Shape;332;p18">
                <a:extLst>
                  <a:ext uri="{FF2B5EF4-FFF2-40B4-BE49-F238E27FC236}">
                    <a16:creationId xmlns:a16="http://schemas.microsoft.com/office/drawing/2014/main" id="{7E280148-0B51-527A-BE5C-8BD53131336D}"/>
                  </a:ext>
                </a:extLst>
              </p:cNvPr>
              <p:cNvGrpSpPr/>
              <p:nvPr/>
            </p:nvGrpSpPr>
            <p:grpSpPr>
              <a:xfrm>
                <a:off x="4345193" y="1391566"/>
                <a:ext cx="2292038" cy="509341"/>
                <a:chOff x="1793" y="553366"/>
                <a:chExt cx="2292038" cy="509341"/>
              </a:xfrm>
            </p:grpSpPr>
            <p:sp>
              <p:nvSpPr>
                <p:cNvPr id="161" name="Google Shape;333;p18">
                  <a:extLst>
                    <a:ext uri="{FF2B5EF4-FFF2-40B4-BE49-F238E27FC236}">
                      <a16:creationId xmlns:a16="http://schemas.microsoft.com/office/drawing/2014/main" id="{67292365-C022-CF84-5E0A-018C807B0CED}"/>
                    </a:ext>
                  </a:extLst>
                </p:cNvPr>
                <p:cNvSpPr/>
                <p:nvPr/>
              </p:nvSpPr>
              <p:spPr>
                <a:xfrm>
                  <a:off x="1793" y="553366"/>
                  <a:ext cx="1273354" cy="509341"/>
                </a:xfrm>
                <a:prstGeom prst="homePlate">
                  <a:avLst>
                    <a:gd name="adj" fmla="val 50000"/>
                  </a:avLst>
                </a:prstGeom>
                <a:solidFill>
                  <a:srgbClr val="4472C4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62" name="Google Shape;334;p18">
                  <a:extLst>
                    <a:ext uri="{FF2B5EF4-FFF2-40B4-BE49-F238E27FC236}">
                      <a16:creationId xmlns:a16="http://schemas.microsoft.com/office/drawing/2014/main" id="{59106DC7-E4E5-CB37-E035-2319739F07F9}"/>
                    </a:ext>
                  </a:extLst>
                </p:cNvPr>
                <p:cNvSpPr txBox="1"/>
                <p:nvPr/>
              </p:nvSpPr>
              <p:spPr>
                <a:xfrm>
                  <a:off x="1793" y="553366"/>
                  <a:ext cx="1146019" cy="50934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58650" tIns="29325" rIns="14650" bIns="293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Results Returned</a:t>
                  </a:r>
                  <a:endParaRPr dirty="0"/>
                </a:p>
              </p:txBody>
            </p:sp>
            <p:sp>
              <p:nvSpPr>
                <p:cNvPr id="164" name="Google Shape;335;p18">
                  <a:extLst>
                    <a:ext uri="{FF2B5EF4-FFF2-40B4-BE49-F238E27FC236}">
                      <a16:creationId xmlns:a16="http://schemas.microsoft.com/office/drawing/2014/main" id="{0C42C601-CF55-13EC-5405-6FF815C9C0FB}"/>
                    </a:ext>
                  </a:extLst>
                </p:cNvPr>
                <p:cNvSpPr/>
                <p:nvPr/>
              </p:nvSpPr>
              <p:spPr>
                <a:xfrm>
                  <a:off x="1020477" y="553366"/>
                  <a:ext cx="1273354" cy="509341"/>
                </a:xfrm>
                <a:prstGeom prst="chevron">
                  <a:avLst>
                    <a:gd name="adj" fmla="val 50000"/>
                  </a:avLst>
                </a:prstGeom>
                <a:solidFill>
                  <a:srgbClr val="4472C4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91425" tIns="91425" rIns="91425" bIns="91425" anchor="ctr" anchorCtr="0">
                  <a:noAutofit/>
                </a:bodyPr>
                <a:lstStyle/>
                <a:p>
                  <a:pPr marL="0" lvl="0" indent="0" algn="l" rtl="0">
                    <a:spcBef>
                      <a:spcPts val="0"/>
                    </a:spcBef>
                    <a:spcAft>
                      <a:spcPts val="0"/>
                    </a:spcAft>
                    <a:buNone/>
                  </a:pPr>
                  <a:endParaRPr/>
                </a:p>
              </p:txBody>
            </p:sp>
            <p:sp>
              <p:nvSpPr>
                <p:cNvPr id="165" name="Google Shape;336;p18">
                  <a:extLst>
                    <a:ext uri="{FF2B5EF4-FFF2-40B4-BE49-F238E27FC236}">
                      <a16:creationId xmlns:a16="http://schemas.microsoft.com/office/drawing/2014/main" id="{A7A0C396-251A-6853-02DA-0B1785E9564F}"/>
                    </a:ext>
                  </a:extLst>
                </p:cNvPr>
                <p:cNvSpPr txBox="1"/>
                <p:nvPr/>
              </p:nvSpPr>
              <p:spPr>
                <a:xfrm>
                  <a:off x="1273253" y="553366"/>
                  <a:ext cx="815443" cy="509341"/>
                </a:xfrm>
                <a:prstGeom prst="rect">
                  <a:avLst/>
                </a:prstGeom>
                <a:noFill/>
                <a:ln>
                  <a:noFill/>
                </a:ln>
              </p:spPr>
              <p:txBody>
                <a:bodyPr spcFirstLastPara="1" wrap="square" lIns="48000" tIns="32000" rIns="16000" bIns="32000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200"/>
                    <a:buFont typeface="Arial"/>
                    <a:buNone/>
                  </a:pPr>
                  <a:r>
                    <a:rPr lang="en-US" sz="1200" dirty="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Download Results</a:t>
                  </a:r>
                  <a:endParaRPr dirty="0"/>
                </a:p>
              </p:txBody>
            </p:sp>
          </p:grpSp>
          <p:grpSp>
            <p:nvGrpSpPr>
              <p:cNvPr id="94" name="Google Shape;337;p18">
                <a:extLst>
                  <a:ext uri="{FF2B5EF4-FFF2-40B4-BE49-F238E27FC236}">
                    <a16:creationId xmlns:a16="http://schemas.microsoft.com/office/drawing/2014/main" id="{DEB2A308-63C2-478B-7F5D-88EC311B0257}"/>
                  </a:ext>
                </a:extLst>
              </p:cNvPr>
              <p:cNvGrpSpPr/>
              <p:nvPr/>
            </p:nvGrpSpPr>
            <p:grpSpPr>
              <a:xfrm>
                <a:off x="6633441" y="1153568"/>
                <a:ext cx="2424864" cy="1973749"/>
                <a:chOff x="6696276" y="1169223"/>
                <a:chExt cx="2424864" cy="1973749"/>
              </a:xfrm>
            </p:grpSpPr>
            <p:sp>
              <p:nvSpPr>
                <p:cNvPr id="102" name="Google Shape;338;p18">
                  <a:extLst>
                    <a:ext uri="{FF2B5EF4-FFF2-40B4-BE49-F238E27FC236}">
                      <a16:creationId xmlns:a16="http://schemas.microsoft.com/office/drawing/2014/main" id="{E5762723-4283-86A0-D8E4-B6BEF8966366}"/>
                    </a:ext>
                  </a:extLst>
                </p:cNvPr>
                <p:cNvSpPr/>
                <p:nvPr/>
              </p:nvSpPr>
              <p:spPr>
                <a:xfrm>
                  <a:off x="7303327" y="2179043"/>
                  <a:ext cx="963929" cy="963929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963929" h="963929" extrusionOk="0">
                      <a:moveTo>
                        <a:pt x="0" y="481965"/>
                      </a:moveTo>
                      <a:cubicBezTo>
                        <a:pt x="0" y="215783"/>
                        <a:pt x="215783" y="0"/>
                        <a:pt x="481965" y="0"/>
                      </a:cubicBezTo>
                      <a:cubicBezTo>
                        <a:pt x="748147" y="0"/>
                        <a:pt x="963930" y="215783"/>
                        <a:pt x="963930" y="481965"/>
                      </a:cubicBezTo>
                      <a:cubicBezTo>
                        <a:pt x="963930" y="748147"/>
                        <a:pt x="748147" y="963930"/>
                        <a:pt x="481965" y="963930"/>
                      </a:cubicBezTo>
                      <a:cubicBezTo>
                        <a:pt x="215783" y="963930"/>
                        <a:pt x="0" y="748147"/>
                        <a:pt x="0" y="481965"/>
                      </a:cubicBezTo>
                      <a:close/>
                    </a:path>
                  </a:pathLst>
                </a:custGeom>
                <a:solidFill>
                  <a:srgbClr val="FFC000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155125" tIns="155125" rIns="155125" bIns="1551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Agency Approve / Reject</a:t>
                  </a:r>
                  <a:endParaRPr/>
                </a:p>
              </p:txBody>
            </p:sp>
            <p:sp>
              <p:nvSpPr>
                <p:cNvPr id="155" name="Google Shape;339;p18">
                  <a:extLst>
                    <a:ext uri="{FF2B5EF4-FFF2-40B4-BE49-F238E27FC236}">
                      <a16:creationId xmlns:a16="http://schemas.microsoft.com/office/drawing/2014/main" id="{554B5910-D2BA-ABBD-C008-608034123F7B}"/>
                    </a:ext>
                  </a:extLst>
                </p:cNvPr>
                <p:cNvSpPr/>
                <p:nvPr/>
              </p:nvSpPr>
              <p:spPr>
                <a:xfrm rot="-7522698">
                  <a:off x="7426630" y="1994984"/>
                  <a:ext cx="113585" cy="327737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113584" h="327736" extrusionOk="0">
                      <a:moveTo>
                        <a:pt x="113583" y="262189"/>
                      </a:moveTo>
                      <a:lnTo>
                        <a:pt x="56792" y="262189"/>
                      </a:lnTo>
                      <a:lnTo>
                        <a:pt x="56792" y="327736"/>
                      </a:lnTo>
                      <a:lnTo>
                        <a:pt x="1" y="163868"/>
                      </a:lnTo>
                      <a:lnTo>
                        <a:pt x="56792" y="0"/>
                      </a:lnTo>
                      <a:lnTo>
                        <a:pt x="56792" y="65547"/>
                      </a:lnTo>
                      <a:lnTo>
                        <a:pt x="113583" y="65547"/>
                      </a:lnTo>
                      <a:lnTo>
                        <a:pt x="113583" y="262189"/>
                      </a:lnTo>
                      <a:close/>
                    </a:path>
                  </a:pathLst>
                </a:custGeom>
                <a:solidFill>
                  <a:srgbClr val="ABBADE"/>
                </a:solidFill>
                <a:ln>
                  <a:noFill/>
                </a:ln>
              </p:spPr>
              <p:txBody>
                <a:bodyPr spcFirstLastPara="1" wrap="square" lIns="34050" tIns="65525" rIns="0" bIns="655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Arial"/>
                    <a:buNone/>
                  </a:pPr>
                  <a:endParaRPr sz="1400">
                    <a:solidFill>
                      <a:schemeClr val="lt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158" name="Google Shape;340;p18">
                  <a:extLst>
                    <a:ext uri="{FF2B5EF4-FFF2-40B4-BE49-F238E27FC236}">
                      <a16:creationId xmlns:a16="http://schemas.microsoft.com/office/drawing/2014/main" id="{1944FCE1-ACE0-667E-11DF-ABFF35A9DDC9}"/>
                    </a:ext>
                  </a:extLst>
                </p:cNvPr>
                <p:cNvSpPr/>
                <p:nvPr/>
              </p:nvSpPr>
              <p:spPr>
                <a:xfrm>
                  <a:off x="6696276" y="1169223"/>
                  <a:ext cx="963929" cy="963929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963929" h="963929" extrusionOk="0">
                      <a:moveTo>
                        <a:pt x="0" y="481965"/>
                      </a:moveTo>
                      <a:cubicBezTo>
                        <a:pt x="0" y="215783"/>
                        <a:pt x="215783" y="0"/>
                        <a:pt x="481965" y="0"/>
                      </a:cubicBezTo>
                      <a:cubicBezTo>
                        <a:pt x="748147" y="0"/>
                        <a:pt x="963930" y="215783"/>
                        <a:pt x="963930" y="481965"/>
                      </a:cubicBezTo>
                      <a:cubicBezTo>
                        <a:pt x="963930" y="748147"/>
                        <a:pt x="748147" y="963930"/>
                        <a:pt x="481965" y="963930"/>
                      </a:cubicBezTo>
                      <a:cubicBezTo>
                        <a:pt x="215783" y="963930"/>
                        <a:pt x="0" y="748147"/>
                        <a:pt x="0" y="481965"/>
                      </a:cubicBezTo>
                      <a:close/>
                    </a:path>
                  </a:pathLst>
                </a:custGeom>
                <a:solidFill>
                  <a:srgbClr val="4372C3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155125" tIns="155125" rIns="155125" bIns="1551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Build Artifact &amp; Submit</a:t>
                  </a:r>
                  <a:endParaRPr/>
                </a:p>
              </p:txBody>
            </p:sp>
            <p:sp>
              <p:nvSpPr>
                <p:cNvPr id="159" name="Google Shape;341;p18">
                  <a:extLst>
                    <a:ext uri="{FF2B5EF4-FFF2-40B4-BE49-F238E27FC236}">
                      <a16:creationId xmlns:a16="http://schemas.microsoft.com/office/drawing/2014/main" id="{6275F88D-2820-B47B-1637-7363BFFCBFA0}"/>
                    </a:ext>
                  </a:extLst>
                </p:cNvPr>
                <p:cNvSpPr/>
                <p:nvPr/>
              </p:nvSpPr>
              <p:spPr>
                <a:xfrm rot="7416370">
                  <a:off x="8221022" y="2049097"/>
                  <a:ext cx="85091" cy="327736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85091" h="327736" extrusionOk="0">
                      <a:moveTo>
                        <a:pt x="0" y="65547"/>
                      </a:moveTo>
                      <a:lnTo>
                        <a:pt x="42546" y="65547"/>
                      </a:lnTo>
                      <a:lnTo>
                        <a:pt x="42546" y="0"/>
                      </a:lnTo>
                      <a:lnTo>
                        <a:pt x="85091" y="163868"/>
                      </a:lnTo>
                      <a:lnTo>
                        <a:pt x="42546" y="327736"/>
                      </a:lnTo>
                      <a:lnTo>
                        <a:pt x="42546" y="262189"/>
                      </a:lnTo>
                      <a:lnTo>
                        <a:pt x="0" y="262189"/>
                      </a:lnTo>
                      <a:lnTo>
                        <a:pt x="0" y="65547"/>
                      </a:lnTo>
                      <a:close/>
                    </a:path>
                  </a:pathLst>
                </a:custGeom>
                <a:solidFill>
                  <a:srgbClr val="ABBADE"/>
                </a:solidFill>
                <a:ln>
                  <a:noFill/>
                </a:ln>
              </p:spPr>
              <p:txBody>
                <a:bodyPr spcFirstLastPara="1" wrap="square" lIns="0" tIns="65525" rIns="25525" bIns="655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dk1"/>
                    </a:buClr>
                    <a:buSzPts val="1400"/>
                    <a:buFont typeface="Arial"/>
                    <a:buNone/>
                  </a:pPr>
                  <a:endParaRPr sz="1400">
                    <a:solidFill>
                      <a:schemeClr val="lt1"/>
                    </a:solidFill>
                    <a:latin typeface="Arial"/>
                    <a:ea typeface="Arial"/>
                    <a:cs typeface="Arial"/>
                    <a:sym typeface="Arial"/>
                  </a:endParaRPr>
                </a:p>
              </p:txBody>
            </p:sp>
            <p:sp>
              <p:nvSpPr>
                <p:cNvPr id="160" name="Google Shape;342;p18">
                  <a:extLst>
                    <a:ext uri="{FF2B5EF4-FFF2-40B4-BE49-F238E27FC236}">
                      <a16:creationId xmlns:a16="http://schemas.microsoft.com/office/drawing/2014/main" id="{E796E7F9-625B-6F7E-464C-426C14E6B049}"/>
                    </a:ext>
                  </a:extLst>
                </p:cNvPr>
                <p:cNvSpPr/>
                <p:nvPr/>
              </p:nvSpPr>
              <p:spPr>
                <a:xfrm>
                  <a:off x="8157211" y="1172222"/>
                  <a:ext cx="963929" cy="963929"/>
                </a:xfrm>
                <a:custGeom>
                  <a:avLst/>
                  <a:gdLst/>
                  <a:ahLst/>
                  <a:cxnLst/>
                  <a:rect l="l" t="t" r="r" b="b"/>
                  <a:pathLst>
                    <a:path w="963929" h="963929" extrusionOk="0">
                      <a:moveTo>
                        <a:pt x="0" y="481965"/>
                      </a:moveTo>
                      <a:cubicBezTo>
                        <a:pt x="0" y="215783"/>
                        <a:pt x="215783" y="0"/>
                        <a:pt x="481965" y="0"/>
                      </a:cubicBezTo>
                      <a:cubicBezTo>
                        <a:pt x="748147" y="0"/>
                        <a:pt x="963930" y="215783"/>
                        <a:pt x="963930" y="481965"/>
                      </a:cubicBezTo>
                      <a:cubicBezTo>
                        <a:pt x="963930" y="748147"/>
                        <a:pt x="748147" y="963930"/>
                        <a:pt x="481965" y="963930"/>
                      </a:cubicBezTo>
                      <a:cubicBezTo>
                        <a:pt x="215783" y="963930"/>
                        <a:pt x="0" y="748147"/>
                        <a:pt x="0" y="481965"/>
                      </a:cubicBezTo>
                      <a:close/>
                    </a:path>
                  </a:pathLst>
                </a:custGeom>
                <a:solidFill>
                  <a:srgbClr val="4372C3"/>
                </a:solidFill>
                <a:ln w="12700" cap="flat" cmpd="sng">
                  <a:solidFill>
                    <a:schemeClr val="lt1"/>
                  </a:solidFill>
                  <a:prstDash val="solid"/>
                  <a:miter lim="800000"/>
                  <a:headEnd type="none" w="sm" len="sm"/>
                  <a:tailEnd type="none" w="sm" len="sm"/>
                </a:ln>
              </p:spPr>
              <p:txBody>
                <a:bodyPr spcFirstLastPara="1" wrap="square" lIns="155125" tIns="155125" rIns="155125" bIns="155125" anchor="ctr" anchorCtr="0">
                  <a:noAutofit/>
                </a:bodyPr>
                <a:lstStyle/>
                <a:p>
                  <a:pPr marL="0" marR="0" lvl="0" indent="0" algn="ctr" rtl="0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lt1"/>
                    </a:buClr>
                    <a:buSzPts val="1100"/>
                    <a:buFont typeface="Arial"/>
                    <a:buNone/>
                  </a:pPr>
                  <a:r>
                    <a:rPr lang="en-US" sz="1100">
                      <a:solidFill>
                        <a:schemeClr val="lt1"/>
                      </a:solidFill>
                      <a:latin typeface="Arial"/>
                      <a:ea typeface="Arial"/>
                      <a:cs typeface="Arial"/>
                      <a:sym typeface="Arial"/>
                    </a:rPr>
                    <a:t>Close Research &amp; Submit</a:t>
                  </a:r>
                  <a:endParaRPr/>
                </a:p>
              </p:txBody>
            </p:sp>
          </p:grpSp>
          <p:sp>
            <p:nvSpPr>
              <p:cNvPr id="95" name="Google Shape;343;p18">
                <a:extLst>
                  <a:ext uri="{FF2B5EF4-FFF2-40B4-BE49-F238E27FC236}">
                    <a16:creationId xmlns:a16="http://schemas.microsoft.com/office/drawing/2014/main" id="{6DABB585-A433-1A92-316F-8F9CC2EC7D77}"/>
                  </a:ext>
                </a:extLst>
              </p:cNvPr>
              <p:cNvSpPr/>
              <p:nvPr/>
            </p:nvSpPr>
            <p:spPr>
              <a:xfrm rot="2105508">
                <a:off x="2376171" y="1992753"/>
                <a:ext cx="205141" cy="1509679"/>
              </a:xfrm>
              <a:prstGeom prst="downArrow">
                <a:avLst>
                  <a:gd name="adj1" fmla="val 50000"/>
                  <a:gd name="adj2" fmla="val 50000"/>
                </a:avLst>
              </a:prstGeom>
              <a:solidFill>
                <a:schemeClr val="accent1"/>
              </a:solidFill>
              <a:ln w="12700" cap="flat" cmpd="sng">
                <a:solidFill>
                  <a:srgbClr val="31538F"/>
                </a:solidFill>
                <a:prstDash val="solid"/>
                <a:miter lim="800000"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800">
                  <a:solidFill>
                    <a:schemeClr val="lt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6" name="Google Shape;344;p18">
                <a:extLst>
                  <a:ext uri="{FF2B5EF4-FFF2-40B4-BE49-F238E27FC236}">
                    <a16:creationId xmlns:a16="http://schemas.microsoft.com/office/drawing/2014/main" id="{4AA4E280-3212-EBD3-04B0-EEFFC0EF2805}"/>
                  </a:ext>
                </a:extLst>
              </p:cNvPr>
              <p:cNvSpPr/>
              <p:nvPr/>
            </p:nvSpPr>
            <p:spPr>
              <a:xfrm rot="-5400000">
                <a:off x="3434404" y="3507373"/>
                <a:ext cx="206892" cy="1627010"/>
              </a:xfrm>
              <a:prstGeom prst="downArrow">
                <a:avLst>
                  <a:gd name="adj1" fmla="val 50000"/>
                  <a:gd name="adj2" fmla="val 50000"/>
                </a:avLst>
              </a:prstGeom>
              <a:solidFill>
                <a:schemeClr val="accent1"/>
              </a:solidFill>
              <a:ln w="12700" cap="flat" cmpd="sng">
                <a:solidFill>
                  <a:srgbClr val="31538F"/>
                </a:solidFill>
                <a:prstDash val="solid"/>
                <a:miter lim="800000"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800">
                  <a:solidFill>
                    <a:schemeClr val="lt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7" name="Google Shape;345;p18">
                <a:extLst>
                  <a:ext uri="{FF2B5EF4-FFF2-40B4-BE49-F238E27FC236}">
                    <a16:creationId xmlns:a16="http://schemas.microsoft.com/office/drawing/2014/main" id="{9B570DBC-A4FB-0D3B-6FD5-8B8431C4FEE9}"/>
                  </a:ext>
                </a:extLst>
              </p:cNvPr>
              <p:cNvSpPr/>
              <p:nvPr/>
            </p:nvSpPr>
            <p:spPr>
              <a:xfrm rot="10010845">
                <a:off x="4833155" y="2069479"/>
                <a:ext cx="191343" cy="1151462"/>
              </a:xfrm>
              <a:prstGeom prst="downArrow">
                <a:avLst>
                  <a:gd name="adj1" fmla="val 50000"/>
                  <a:gd name="adj2" fmla="val 50000"/>
                </a:avLst>
              </a:prstGeom>
              <a:solidFill>
                <a:schemeClr val="accent1"/>
              </a:solidFill>
              <a:ln w="12700" cap="flat" cmpd="sng">
                <a:solidFill>
                  <a:srgbClr val="31538F"/>
                </a:solidFill>
                <a:prstDash val="solid"/>
                <a:miter lim="800000"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800">
                  <a:solidFill>
                    <a:schemeClr val="lt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1" name="Google Shape;346;p18">
                <a:extLst>
                  <a:ext uri="{FF2B5EF4-FFF2-40B4-BE49-F238E27FC236}">
                    <a16:creationId xmlns:a16="http://schemas.microsoft.com/office/drawing/2014/main" id="{CD4283C2-CF3E-0F52-C0FB-154B24EA1E87}"/>
                  </a:ext>
                </a:extLst>
              </p:cNvPr>
              <p:cNvSpPr/>
              <p:nvPr/>
            </p:nvSpPr>
            <p:spPr>
              <a:xfrm rot="-5400000">
                <a:off x="7730691" y="1514191"/>
                <a:ext cx="262021" cy="314633"/>
              </a:xfrm>
              <a:prstGeom prst="downArrow">
                <a:avLst>
                  <a:gd name="adj1" fmla="val 50000"/>
                  <a:gd name="adj2" fmla="val 50000"/>
                </a:avLst>
              </a:prstGeom>
              <a:solidFill>
                <a:schemeClr val="accent1"/>
              </a:solidFill>
              <a:ln w="12700" cap="flat" cmpd="sng">
                <a:solidFill>
                  <a:srgbClr val="31538F"/>
                </a:solidFill>
                <a:prstDash val="solid"/>
                <a:miter lim="800000"/>
                <a:headEnd type="none" w="sm" len="sm"/>
                <a:tailEnd type="none" w="sm" len="sm"/>
              </a:ln>
            </p:spPr>
            <p:txBody>
              <a:bodyPr spcFirstLastPara="1" wrap="square" lIns="91425" tIns="45700" rIns="91425" bIns="45700" anchor="ctr" anchorCtr="0">
                <a:noAutofit/>
              </a:bodyPr>
              <a:lstStyle/>
              <a:p>
                <a:pPr marL="0" marR="0" lvl="0" indent="0" algn="ctr" rtl="0">
                  <a:spcBef>
                    <a:spcPts val="0"/>
                  </a:spcBef>
                  <a:spcAft>
                    <a:spcPts val="0"/>
                  </a:spcAft>
                  <a:buNone/>
                </a:pPr>
                <a:endParaRPr sz="1800">
                  <a:solidFill>
                    <a:schemeClr val="lt1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pic>
          <p:nvPicPr>
            <p:cNvPr id="86" name="Google Shape;347;p18" descr="A black sign with white text&#10;&#10;Description generated with very high confidence">
              <a:extLst>
                <a:ext uri="{FF2B5EF4-FFF2-40B4-BE49-F238E27FC236}">
                  <a16:creationId xmlns:a16="http://schemas.microsoft.com/office/drawing/2014/main" id="{F917218C-978F-20AB-65EC-E39E28337AFD}"/>
                </a:ext>
              </a:extLst>
            </p:cNvPr>
            <p:cNvPicPr preferRelativeResize="0"/>
            <p:nvPr/>
          </p:nvPicPr>
          <p:blipFill rotWithShape="1">
            <a:blip r:embed="rId10">
              <a:alphaModFix/>
            </a:blip>
            <a:srcRect/>
            <a:stretch/>
          </p:blipFill>
          <p:spPr>
            <a:xfrm>
              <a:off x="3366399" y="3578566"/>
              <a:ext cx="342900" cy="342900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1035" name="Google Shape;348;p18">
            <a:extLst>
              <a:ext uri="{FF2B5EF4-FFF2-40B4-BE49-F238E27FC236}">
                <a16:creationId xmlns:a16="http://schemas.microsoft.com/office/drawing/2014/main" id="{853B568C-F88E-E4D6-7A9F-7C5396C3E1E7}"/>
              </a:ext>
            </a:extLst>
          </p:cNvPr>
          <p:cNvGrpSpPr/>
          <p:nvPr/>
        </p:nvGrpSpPr>
        <p:grpSpPr>
          <a:xfrm>
            <a:off x="6080592" y="4025848"/>
            <a:ext cx="2925508" cy="2083235"/>
            <a:chOff x="6217253" y="3206315"/>
            <a:chExt cx="2925508" cy="2083235"/>
          </a:xfrm>
        </p:grpSpPr>
        <p:sp>
          <p:nvSpPr>
            <p:cNvPr id="1036" name="Google Shape;349;p18">
              <a:extLst>
                <a:ext uri="{FF2B5EF4-FFF2-40B4-BE49-F238E27FC236}">
                  <a16:creationId xmlns:a16="http://schemas.microsoft.com/office/drawing/2014/main" id="{351B1D0B-A741-C5F5-9473-95DD87DBC134}"/>
                </a:ext>
              </a:extLst>
            </p:cNvPr>
            <p:cNvSpPr/>
            <p:nvPr/>
          </p:nvSpPr>
          <p:spPr>
            <a:xfrm>
              <a:off x="6217253" y="3213100"/>
              <a:ext cx="2774347" cy="2076450"/>
            </a:xfrm>
            <a:prstGeom prst="rect">
              <a:avLst/>
            </a:prstGeom>
            <a:solidFill>
              <a:schemeClr val="lt1"/>
            </a:solidFill>
            <a:ln w="9525" cap="flat" cmpd="dbl">
              <a:solidFill>
                <a:schemeClr val="dk1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39" name="Google Shape;350;p18">
              <a:extLst>
                <a:ext uri="{FF2B5EF4-FFF2-40B4-BE49-F238E27FC236}">
                  <a16:creationId xmlns:a16="http://schemas.microsoft.com/office/drawing/2014/main" id="{97367A46-76B8-3426-E356-286BA80D4B8C}"/>
                </a:ext>
              </a:extLst>
            </p:cNvPr>
            <p:cNvSpPr txBox="1"/>
            <p:nvPr/>
          </p:nvSpPr>
          <p:spPr>
            <a:xfrm>
              <a:off x="7147226" y="3206315"/>
              <a:ext cx="1021266" cy="369332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8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rPr>
                <a:t>Legend</a:t>
              </a:r>
              <a:endParaRPr/>
            </a:p>
          </p:txBody>
        </p:sp>
        <p:sp>
          <p:nvSpPr>
            <p:cNvPr id="1040" name="Google Shape;351;p18">
              <a:extLst>
                <a:ext uri="{FF2B5EF4-FFF2-40B4-BE49-F238E27FC236}">
                  <a16:creationId xmlns:a16="http://schemas.microsoft.com/office/drawing/2014/main" id="{EE1A15D7-F7E4-BDAA-3E9B-6A990646AC29}"/>
                </a:ext>
              </a:extLst>
            </p:cNvPr>
            <p:cNvSpPr txBox="1"/>
            <p:nvPr/>
          </p:nvSpPr>
          <p:spPr>
            <a:xfrm>
              <a:off x="8272172" y="4773126"/>
              <a:ext cx="617794" cy="430887"/>
            </a:xfrm>
            <a:prstGeom prst="rect">
              <a:avLst/>
            </a:prstGeom>
            <a:solidFill>
              <a:schemeClr val="lt1"/>
            </a:solidFill>
            <a:ln w="9525" cap="flat" cmpd="sng">
              <a:solidFill>
                <a:schemeClr val="lt1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chemeClr val="lt1"/>
                  </a:solidFill>
                  <a:latin typeface="Arial"/>
                  <a:ea typeface="Arial"/>
                  <a:cs typeface="Arial"/>
                  <a:sym typeface="Arial"/>
                </a:rPr>
                <a:t>Data Hub</a:t>
              </a:r>
              <a:endParaRPr/>
            </a:p>
          </p:txBody>
        </p:sp>
        <p:sp>
          <p:nvSpPr>
            <p:cNvPr id="1090" name="Google Shape;352;p18">
              <a:extLst>
                <a:ext uri="{FF2B5EF4-FFF2-40B4-BE49-F238E27FC236}">
                  <a16:creationId xmlns:a16="http://schemas.microsoft.com/office/drawing/2014/main" id="{AF3C258D-C3D5-B015-A3E1-D5CCD3C5B4C2}"/>
                </a:ext>
              </a:extLst>
            </p:cNvPr>
            <p:cNvSpPr txBox="1"/>
            <p:nvPr/>
          </p:nvSpPr>
          <p:spPr>
            <a:xfrm>
              <a:off x="8228361" y="4066461"/>
              <a:ext cx="914400" cy="430887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rPr>
                <a:t>Agency / Workflow</a:t>
              </a:r>
              <a:endParaRPr/>
            </a:p>
          </p:txBody>
        </p:sp>
        <p:sp>
          <p:nvSpPr>
            <p:cNvPr id="1091" name="Google Shape;353;p18">
              <a:extLst>
                <a:ext uri="{FF2B5EF4-FFF2-40B4-BE49-F238E27FC236}">
                  <a16:creationId xmlns:a16="http://schemas.microsoft.com/office/drawing/2014/main" id="{B72CC45D-10CE-09BE-D968-E1F87F57C31C}"/>
                </a:ext>
              </a:extLst>
            </p:cNvPr>
            <p:cNvSpPr/>
            <p:nvPr/>
          </p:nvSpPr>
          <p:spPr>
            <a:xfrm>
              <a:off x="7043323" y="3714787"/>
              <a:ext cx="680087" cy="557768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92D050"/>
            </a:solidFill>
            <a:ln w="12700" cap="flat" cmpd="sng">
              <a:solidFill>
                <a:srgbClr val="31538F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96" name="Google Shape;354;p18">
              <a:extLst>
                <a:ext uri="{FF2B5EF4-FFF2-40B4-BE49-F238E27FC236}">
                  <a16:creationId xmlns:a16="http://schemas.microsoft.com/office/drawing/2014/main" id="{D509967E-4696-482D-AE5A-756459D25468}"/>
                </a:ext>
              </a:extLst>
            </p:cNvPr>
            <p:cNvSpPr/>
            <p:nvPr/>
          </p:nvSpPr>
          <p:spPr>
            <a:xfrm>
              <a:off x="7043322" y="4311464"/>
              <a:ext cx="680087" cy="557768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chemeClr val="accent1"/>
            </a:solidFill>
            <a:ln w="12700" cap="flat" cmpd="sng">
              <a:solidFill>
                <a:srgbClr val="31538F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97" name="Google Shape;355;p18">
              <a:extLst>
                <a:ext uri="{FF2B5EF4-FFF2-40B4-BE49-F238E27FC236}">
                  <a16:creationId xmlns:a16="http://schemas.microsoft.com/office/drawing/2014/main" id="{18360799-2076-658A-4BBE-DDDC98BAE850}"/>
                </a:ext>
              </a:extLst>
            </p:cNvPr>
            <p:cNvSpPr/>
            <p:nvPr/>
          </p:nvSpPr>
          <p:spPr>
            <a:xfrm>
              <a:off x="7611967" y="4012201"/>
              <a:ext cx="680087" cy="557768"/>
            </a:xfrm>
            <a:prstGeom prst="hexagon">
              <a:avLst>
                <a:gd name="adj" fmla="val 25000"/>
                <a:gd name="vf" fmla="val 115470"/>
              </a:avLst>
            </a:prstGeom>
            <a:solidFill>
              <a:srgbClr val="FFC000"/>
            </a:solidFill>
            <a:ln w="12700" cap="flat" cmpd="sng">
              <a:solidFill>
                <a:srgbClr val="31538F"/>
              </a:solidFill>
              <a:prstDash val="solid"/>
              <a:miter lim="800000"/>
              <a:headEnd type="none" w="sm" len="sm"/>
              <a:tailEnd type="none" w="sm" len="sm"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80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098" name="Google Shape;356;p18">
              <a:extLst>
                <a:ext uri="{FF2B5EF4-FFF2-40B4-BE49-F238E27FC236}">
                  <a16:creationId xmlns:a16="http://schemas.microsoft.com/office/drawing/2014/main" id="{BE92D72E-187E-5D0E-E608-00E82EBE2D42}"/>
                </a:ext>
              </a:extLst>
            </p:cNvPr>
            <p:cNvSpPr txBox="1"/>
            <p:nvPr/>
          </p:nvSpPr>
          <p:spPr>
            <a:xfrm>
              <a:off x="6424850" y="3772238"/>
              <a:ext cx="914400" cy="430887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 dirty="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rPr>
                <a:t>Outside System</a:t>
              </a:r>
              <a:endParaRPr dirty="0"/>
            </a:p>
          </p:txBody>
        </p:sp>
        <p:sp>
          <p:nvSpPr>
            <p:cNvPr id="1099" name="Google Shape;357;p18">
              <a:extLst>
                <a:ext uri="{FF2B5EF4-FFF2-40B4-BE49-F238E27FC236}">
                  <a16:creationId xmlns:a16="http://schemas.microsoft.com/office/drawing/2014/main" id="{43C3BCB0-1F94-EDEF-405E-4B806ADAFD49}"/>
                </a:ext>
              </a:extLst>
            </p:cNvPr>
            <p:cNvSpPr txBox="1"/>
            <p:nvPr/>
          </p:nvSpPr>
          <p:spPr>
            <a:xfrm>
              <a:off x="6217253" y="4411921"/>
              <a:ext cx="914400" cy="430887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wrap="square" lIns="91425" tIns="45700" rIns="91425" bIns="45700" anchor="t" anchorCtr="0">
              <a:sp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r>
                <a:rPr lang="en-US" sz="1100">
                  <a:solidFill>
                    <a:schemeClr val="dk1"/>
                  </a:solidFill>
                  <a:latin typeface="Arial"/>
                  <a:ea typeface="Arial"/>
                  <a:cs typeface="Arial"/>
                  <a:sym typeface="Arial"/>
                </a:rPr>
                <a:t>Researcher / Portal</a:t>
              </a:r>
              <a:endParaRPr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6355127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399" y="457200"/>
            <a:ext cx="5326627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Universal State Personal Identifier	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399" y="112147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NPWR inherently supports Nevada’s objective of the establishment of a statewide USPI</a:t>
            </a:r>
          </a:p>
          <a:p>
            <a:pPr lvl="1"/>
            <a:r>
              <a:rPr lang="en-US" sz="2000" dirty="0"/>
              <a:t>USPI connects K-12, Higher Education, Workforce and Social Services </a:t>
            </a:r>
          </a:p>
          <a:p>
            <a:r>
              <a:rPr lang="en-US" sz="2400" dirty="0"/>
              <a:t>Future implementation of the NPWR Identify Management Resolution process</a:t>
            </a:r>
          </a:p>
          <a:p>
            <a:pPr lvl="1"/>
            <a:r>
              <a:rPr lang="en-US" sz="2000" dirty="0"/>
              <a:t>Iterative process to manage and maintain the identity of a unique individual</a:t>
            </a:r>
          </a:p>
          <a:p>
            <a:pPr lvl="1"/>
            <a:r>
              <a:rPr lang="en-US" sz="2000" dirty="0"/>
              <a:t>Supports cross program, cross agency, and cross time identity management</a:t>
            </a:r>
          </a:p>
          <a:p>
            <a:pPr lvl="1"/>
            <a:r>
              <a:rPr lang="en-US" sz="2000" dirty="0"/>
              <a:t>Accounts for changing demographic information (e.g. name changes, racial/ethnic identification, </a:t>
            </a:r>
            <a:r>
              <a:rPr lang="en-US" sz="2000" dirty="0" err="1"/>
              <a:t>etc</a:t>
            </a:r>
            <a:r>
              <a:rPr lang="en-US" sz="2000" dirty="0"/>
              <a:t>) </a:t>
            </a:r>
          </a:p>
          <a:p>
            <a:pPr marL="457200" lvl="1" indent="0">
              <a:buNone/>
            </a:pPr>
            <a:endParaRPr lang="en-US" sz="2000" dirty="0"/>
          </a:p>
          <a:p>
            <a:pPr lvl="1"/>
            <a:endParaRPr lang="en-US" sz="2000" dirty="0"/>
          </a:p>
          <a:p>
            <a:pPr marL="0" indent="0">
              <a:buNone/>
            </a:pPr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418355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6415300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Key Take Aways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1332345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6" name="Content Placeholder 1">
            <a:extLst>
              <a:ext uri="{FF2B5EF4-FFF2-40B4-BE49-F238E27FC236}">
                <a16:creationId xmlns:a16="http://schemas.microsoft.com/office/drawing/2014/main" id="{34025677-40ED-0847-4B85-1248B646F6A6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400" dirty="0"/>
          </a:p>
          <a:p>
            <a:r>
              <a:rPr lang="en-US" sz="2400" dirty="0"/>
              <a:t>NPWR can help GWDB meet the State’s directives: </a:t>
            </a:r>
          </a:p>
          <a:p>
            <a:pPr lvl="1"/>
            <a:r>
              <a:rPr lang="en-US" sz="2000" dirty="0"/>
              <a:t>Recommending evidence-based best practices:</a:t>
            </a:r>
          </a:p>
          <a:p>
            <a:pPr lvl="2"/>
            <a:r>
              <a:rPr lang="en-US" sz="1600" dirty="0"/>
              <a:t>Identify and show best practices:</a:t>
            </a:r>
          </a:p>
          <a:p>
            <a:pPr lvl="3"/>
            <a:r>
              <a:rPr lang="en-US" sz="1400" dirty="0"/>
              <a:t>Identify key indicators of  workforce, education and career path outcomes</a:t>
            </a:r>
          </a:p>
          <a:p>
            <a:pPr lvl="1"/>
            <a:r>
              <a:rPr lang="en-US" sz="2000" dirty="0"/>
              <a:t>Consolidating and coordinating delivery of services</a:t>
            </a:r>
          </a:p>
          <a:p>
            <a:pPr lvl="2"/>
            <a:r>
              <a:rPr lang="en-US" sz="1600" dirty="0"/>
              <a:t>Through data (if available), NPWR can show program outcomes which can be used to drive effective programing at the State level</a:t>
            </a:r>
          </a:p>
          <a:p>
            <a:pPr lvl="1"/>
            <a:r>
              <a:rPr lang="en-US" sz="2000" dirty="0"/>
              <a:t>Gather and publish relevant, real-time data measuring Nevada’s workforce needs and success</a:t>
            </a:r>
          </a:p>
          <a:p>
            <a:pPr lvl="2"/>
            <a:r>
              <a:rPr lang="en-US" sz="1600" dirty="0"/>
              <a:t>Acquire relevant data through Research Portal</a:t>
            </a:r>
          </a:p>
          <a:p>
            <a:pPr lvl="2"/>
            <a:r>
              <a:rPr lang="en-US" sz="1600" dirty="0"/>
              <a:t>Report on this data</a:t>
            </a:r>
          </a:p>
          <a:p>
            <a:pPr lvl="1"/>
            <a:r>
              <a:rPr lang="en-US" sz="2000" dirty="0"/>
              <a:t>Help employees find the education, training and assistance needed to land and advance in careers</a:t>
            </a:r>
          </a:p>
          <a:p>
            <a:pPr lvl="2"/>
            <a:r>
              <a:rPr lang="en-US" sz="1600" dirty="0"/>
              <a:t>Provide statewide talent management pipeline insight through education paths and workforce outcomes for Public and Private (e.g. Agency) consumption</a:t>
            </a:r>
          </a:p>
          <a:p>
            <a:pPr marL="914400" lvl="2" indent="0">
              <a:buNone/>
            </a:pPr>
            <a:endParaRPr lang="en-US" sz="1600" dirty="0"/>
          </a:p>
          <a:p>
            <a:pPr lvl="1"/>
            <a:endParaRPr lang="en-US" sz="2000" dirty="0"/>
          </a:p>
          <a:p>
            <a:pPr marL="457200" lvl="1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4636834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EFAF312-D4CB-6551-6690-25666ADA395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13</a:t>
            </a:fld>
            <a:endParaRPr lang="en-US"/>
          </a:p>
        </p:txBody>
      </p:sp>
      <p:sp>
        <p:nvSpPr>
          <p:cNvPr id="7" name="Title 2">
            <a:extLst>
              <a:ext uri="{FF2B5EF4-FFF2-40B4-BE49-F238E27FC236}">
                <a16:creationId xmlns:a16="http://schemas.microsoft.com/office/drawing/2014/main" id="{81A3D3B7-8D71-61E5-510A-BBA110C5600C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6415300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Q&amp;A and Discussion</a:t>
            </a:r>
          </a:p>
        </p:txBody>
      </p:sp>
      <p:pic>
        <p:nvPicPr>
          <p:cNvPr id="8" name="Graphic 7" descr="Questions with solid fill">
            <a:extLst>
              <a:ext uri="{FF2B5EF4-FFF2-40B4-BE49-F238E27FC236}">
                <a16:creationId xmlns:a16="http://schemas.microsoft.com/office/drawing/2014/main" id="{5D668426-64FD-C9F2-7FF2-E0145755F0E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324532" y="1647553"/>
            <a:ext cx="2494935" cy="24949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22364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7965D9F-83B1-F911-4371-3058F65D6ED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0314CA6-322D-FAA9-84D8-6ADA7A5A5D6C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1676400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Agenda</a:t>
            </a:r>
          </a:p>
        </p:txBody>
      </p:sp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769E5E0A-1169-9A49-2CC6-43A249FDD0D5}"/>
              </a:ext>
            </a:extLst>
          </p:cNvPr>
          <p:cNvSpPr txBox="1">
            <a:spLocks/>
          </p:cNvSpPr>
          <p:nvPr/>
        </p:nvSpPr>
        <p:spPr>
          <a:xfrm>
            <a:off x="533400" y="902182"/>
            <a:ext cx="8381999" cy="467937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Vendor Introduction</a:t>
            </a:r>
          </a:p>
          <a:p>
            <a:r>
              <a:rPr lang="en-US" sz="2400" dirty="0"/>
              <a:t>NPWR </a:t>
            </a:r>
          </a:p>
          <a:p>
            <a:pPr lvl="1"/>
            <a:r>
              <a:rPr lang="en-US" sz="2000" dirty="0"/>
              <a:t>Overview</a:t>
            </a:r>
          </a:p>
          <a:p>
            <a:pPr lvl="1"/>
            <a:r>
              <a:rPr lang="en-US" sz="2000" dirty="0"/>
              <a:t>Partners</a:t>
            </a:r>
          </a:p>
          <a:p>
            <a:pPr lvl="1"/>
            <a:r>
              <a:rPr lang="en-US" sz="2000" dirty="0"/>
              <a:t>Data</a:t>
            </a:r>
          </a:p>
          <a:p>
            <a:pPr lvl="1"/>
            <a:r>
              <a:rPr lang="en-US" sz="2000" dirty="0"/>
              <a:t>Reports</a:t>
            </a:r>
          </a:p>
          <a:p>
            <a:pPr lvl="1"/>
            <a:r>
              <a:rPr lang="en-US" sz="2000" dirty="0"/>
              <a:t>Research</a:t>
            </a:r>
          </a:p>
          <a:p>
            <a:pPr lvl="1"/>
            <a:r>
              <a:rPr lang="en-US" sz="2000" dirty="0"/>
              <a:t>Universal State Personal Identifier</a:t>
            </a:r>
          </a:p>
          <a:p>
            <a:r>
              <a:rPr lang="en-US" sz="2400" dirty="0">
                <a:cs typeface="Calibri" panose="020F0502020204030204"/>
              </a:rPr>
              <a:t>Key Take Aways</a:t>
            </a:r>
          </a:p>
          <a:p>
            <a:r>
              <a:rPr lang="en-US" sz="2400" dirty="0">
                <a:cs typeface="Calibri" panose="020F0502020204030204"/>
              </a:rPr>
              <a:t>Q&amp;A and Discussion </a:t>
            </a: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5938248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1553531"/>
            <a:ext cx="8381999" cy="4572000"/>
          </a:xfrm>
          <a:prstGeom prst="rect">
            <a:avLst/>
          </a:prstGeom>
        </p:spPr>
        <p:txBody>
          <a:bodyPr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/>
              <a:t>Service-disabled, veteran owned small-business</a:t>
            </a:r>
          </a:p>
          <a:p>
            <a:r>
              <a:rPr lang="en-US" sz="2400" dirty="0"/>
              <a:t>Over 75 years of Information Technology services</a:t>
            </a:r>
          </a:p>
          <a:p>
            <a:r>
              <a:rPr lang="en-US" sz="2400" dirty="0"/>
              <a:t>Established 2007</a:t>
            </a:r>
          </a:p>
          <a:p>
            <a:r>
              <a:rPr lang="en-US" sz="2400" dirty="0"/>
              <a:t>Core business includes Pre-K 20 through Workforce Statewide Longitudinal Data Systems and enterprise application design, development, implementation and support</a:t>
            </a:r>
          </a:p>
          <a:p>
            <a:r>
              <a:rPr lang="en-US" sz="2400" dirty="0"/>
              <a:t>P20W Consortium Members</a:t>
            </a:r>
          </a:p>
          <a:p>
            <a:pPr lvl="1"/>
            <a:r>
              <a:rPr lang="en-US" sz="2000" dirty="0"/>
              <a:t>Virginia</a:t>
            </a:r>
          </a:p>
          <a:p>
            <a:pPr lvl="1"/>
            <a:r>
              <a:rPr lang="en-US" sz="2000" dirty="0"/>
              <a:t>Nevada</a:t>
            </a:r>
          </a:p>
          <a:p>
            <a:pPr lvl="1"/>
            <a:r>
              <a:rPr lang="en-US" sz="2000" dirty="0"/>
              <a:t>Commonwealth of the Northern Mariana Island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7" name="Title 2">
            <a:extLst>
              <a:ext uri="{FF2B5EF4-FFF2-40B4-BE49-F238E27FC236}">
                <a16:creationId xmlns:a16="http://schemas.microsoft.com/office/drawing/2014/main" id="{C5F781B7-3981-45A0-BA9E-A1A79CE13196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6553200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Vendor Introduction</a:t>
            </a:r>
          </a:p>
        </p:txBody>
      </p:sp>
    </p:spTree>
    <p:extLst>
      <p:ext uri="{BB962C8B-B14F-4D97-AF65-F5344CB8AC3E}">
        <p14:creationId xmlns:p14="http://schemas.microsoft.com/office/powerpoint/2010/main" val="10442910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5451764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Overview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Funded through ED - NCES 2012 SLDS Grant</a:t>
            </a:r>
          </a:p>
          <a:p>
            <a:r>
              <a:rPr lang="en-US" sz="2400" dirty="0"/>
              <a:t>14-month implementation</a:t>
            </a:r>
          </a:p>
          <a:p>
            <a:r>
              <a:rPr lang="en-US" sz="2400" dirty="0"/>
              <a:t>Architecture based on Virginia P20W System (VLDS)</a:t>
            </a:r>
            <a:endParaRPr lang="en-US" sz="2000" dirty="0"/>
          </a:p>
          <a:p>
            <a:r>
              <a:rPr lang="en-US" sz="2400" dirty="0"/>
              <a:t>Implemented to link data from K-12 and post secondary education into the workforce </a:t>
            </a:r>
          </a:p>
          <a:p>
            <a:r>
              <a:rPr lang="en-US" sz="2400" dirty="0"/>
              <a:t>NRS 232.975 – GOWINN will administer the P20W SLDS system</a:t>
            </a:r>
          </a:p>
          <a:p>
            <a:r>
              <a:rPr lang="en-US" sz="2400" dirty="0"/>
              <a:t>NRS 400 (chapter)– Created NPWR Advisory Committee, duties, responsibilities, composition</a:t>
            </a:r>
          </a:p>
          <a:p>
            <a:pPr marL="0" indent="0">
              <a:buNone/>
            </a:pPr>
            <a:endParaRPr lang="en-US" sz="2400" dirty="0"/>
          </a:p>
          <a:p>
            <a:pPr marL="0" indent="0">
              <a:buNone/>
            </a:pPr>
            <a:endParaRPr lang="en-US" sz="2000" dirty="0"/>
          </a:p>
          <a:p>
            <a:pPr marL="0" indent="0" algn="ctr">
              <a:buNone/>
            </a:pPr>
            <a:r>
              <a:rPr lang="en-US" sz="2400" i="1" dirty="0"/>
              <a:t>“Enables capability across agencies to match data records that are used to create data feedback reports, respond to Legislative mandates, and conduct research.” 	</a:t>
            </a:r>
            <a:r>
              <a:rPr lang="en-US" sz="2400" b="1" i="1" dirty="0"/>
              <a:t>		</a:t>
            </a:r>
            <a:r>
              <a:rPr lang="en-US" sz="2400" dirty="0"/>
              <a:t>					-</a:t>
            </a:r>
            <a:r>
              <a:rPr lang="en-US" sz="2400" i="1" dirty="0"/>
              <a:t>Nevada 2012 SLDS Linking P-20W</a:t>
            </a:r>
            <a:endParaRPr lang="en-US" sz="2000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210995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5451764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Partners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Partner Agencies</a:t>
            </a:r>
          </a:p>
          <a:p>
            <a:pPr lvl="1"/>
            <a:r>
              <a:rPr lang="en-US" sz="2000" dirty="0"/>
              <a:t>Department of Education</a:t>
            </a:r>
          </a:p>
          <a:p>
            <a:pPr lvl="1"/>
            <a:r>
              <a:rPr lang="en-US" sz="2000" dirty="0"/>
              <a:t>Adult Education</a:t>
            </a:r>
          </a:p>
          <a:p>
            <a:pPr lvl="1"/>
            <a:r>
              <a:rPr lang="en-US" sz="2000" dirty="0"/>
              <a:t>System of Higher Education</a:t>
            </a:r>
          </a:p>
          <a:p>
            <a:pPr lvl="1"/>
            <a:r>
              <a:rPr lang="en-US" sz="2000" dirty="0"/>
              <a:t>Department of Employment, Training and Rehabilitation</a:t>
            </a:r>
          </a:p>
          <a:p>
            <a:pPr lvl="1"/>
            <a:r>
              <a:rPr lang="en-US" sz="2000" i="1" dirty="0"/>
              <a:t>Department of Motor Vehicles</a:t>
            </a:r>
          </a:p>
          <a:p>
            <a:pPr lvl="1"/>
            <a:r>
              <a:rPr lang="en-US" sz="2000" i="1" dirty="0"/>
              <a:t>Department of Corrections</a:t>
            </a:r>
          </a:p>
          <a:p>
            <a:pPr lvl="1"/>
            <a:r>
              <a:rPr lang="en-US" sz="2000" i="1" dirty="0"/>
              <a:t>Department of Veteran Services</a:t>
            </a:r>
          </a:p>
          <a:p>
            <a:pPr lvl="1"/>
            <a:r>
              <a:rPr lang="en-US" sz="2000" i="1" dirty="0"/>
              <a:t>Department of Health and Human Services, Division of Child and Family Services</a:t>
            </a:r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117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5451764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Data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 fontScale="92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Department of Education</a:t>
            </a:r>
          </a:p>
          <a:p>
            <a:pPr lvl="1"/>
            <a:r>
              <a:rPr lang="en-US" sz="2000" dirty="0"/>
              <a:t>Early Childhood</a:t>
            </a:r>
          </a:p>
          <a:p>
            <a:pPr lvl="1"/>
            <a:r>
              <a:rPr lang="en-US" sz="2000" dirty="0"/>
              <a:t>Graduate &amp; Non-Graduate</a:t>
            </a:r>
          </a:p>
          <a:p>
            <a:pPr lvl="1"/>
            <a:r>
              <a:rPr lang="en-US" sz="2000" dirty="0"/>
              <a:t>Career and Technical Education</a:t>
            </a:r>
          </a:p>
          <a:p>
            <a:pPr lvl="1"/>
            <a:r>
              <a:rPr lang="en-US" sz="2000" dirty="0"/>
              <a:t>Assessment</a:t>
            </a:r>
          </a:p>
          <a:p>
            <a:pPr lvl="1"/>
            <a:r>
              <a:rPr lang="en-US" sz="2000" dirty="0"/>
              <a:t>Foster Care</a:t>
            </a:r>
          </a:p>
          <a:p>
            <a:pPr lvl="1"/>
            <a:r>
              <a:rPr lang="en-US" sz="2000" dirty="0"/>
              <a:t>FRL &amp; Direct Certification: SNAP, TANF, Medicaid, Homeless, Military Status</a:t>
            </a:r>
          </a:p>
          <a:p>
            <a:pPr lvl="1"/>
            <a:r>
              <a:rPr lang="en-US" sz="2000" dirty="0"/>
              <a:t>Courses</a:t>
            </a:r>
          </a:p>
          <a:p>
            <a:pPr lvl="1"/>
            <a:r>
              <a:rPr lang="en-US" sz="2000" dirty="0"/>
              <a:t>IEP </a:t>
            </a:r>
          </a:p>
          <a:p>
            <a:pPr lvl="1"/>
            <a:r>
              <a:rPr lang="en-US" sz="2000" dirty="0"/>
              <a:t>Migrant Status</a:t>
            </a:r>
          </a:p>
          <a:p>
            <a:pPr lvl="1"/>
            <a:r>
              <a:rPr lang="en-US" sz="2000" dirty="0"/>
              <a:t>Teacher (2023)</a:t>
            </a:r>
          </a:p>
          <a:p>
            <a:r>
              <a:rPr lang="en-US" sz="2400" dirty="0"/>
              <a:t>Adult Education</a:t>
            </a:r>
          </a:p>
          <a:p>
            <a:pPr lvl="1"/>
            <a:r>
              <a:rPr lang="en-US" sz="2000" dirty="0"/>
              <a:t>Adult Education &amp; Family Literacy Act Performance Data</a:t>
            </a:r>
          </a:p>
          <a:p>
            <a:r>
              <a:rPr lang="en-US" sz="2400" dirty="0"/>
              <a:t>System of Higher Education</a:t>
            </a:r>
          </a:p>
          <a:p>
            <a:pPr lvl="1"/>
            <a:r>
              <a:rPr lang="en-US" sz="2000" dirty="0"/>
              <a:t>Student Enrollment</a:t>
            </a:r>
          </a:p>
          <a:p>
            <a:pPr lvl="1"/>
            <a:r>
              <a:rPr lang="en-US" sz="2000" dirty="0"/>
              <a:t>Outcomes</a:t>
            </a:r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436327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5451764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Data, cont’d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Department of Employment, Training and Rehabilitation</a:t>
            </a:r>
          </a:p>
          <a:p>
            <a:pPr lvl="1"/>
            <a:r>
              <a:rPr lang="en-US" sz="2000" dirty="0"/>
              <a:t>Wage Data</a:t>
            </a:r>
          </a:p>
          <a:p>
            <a:pPr lvl="1"/>
            <a:r>
              <a:rPr lang="en-US" sz="2000" dirty="0"/>
              <a:t>Title I (onboarding)</a:t>
            </a:r>
            <a:endParaRPr lang="en-US" sz="2400" dirty="0"/>
          </a:p>
          <a:p>
            <a:r>
              <a:rPr lang="en-US" sz="2400" dirty="0"/>
              <a:t>Department of Motor Vehicles</a:t>
            </a:r>
          </a:p>
          <a:p>
            <a:pPr lvl="1"/>
            <a:r>
              <a:rPr lang="en-US" sz="2000" dirty="0"/>
              <a:t>Demographic data (matching – serves as crosswalk for non NSHE participants )</a:t>
            </a:r>
          </a:p>
          <a:p>
            <a:r>
              <a:rPr lang="en-US" sz="2400" dirty="0"/>
              <a:t>Division of Child and Family Services</a:t>
            </a:r>
          </a:p>
          <a:p>
            <a:pPr lvl="1"/>
            <a:r>
              <a:rPr lang="en-US" sz="2000" dirty="0"/>
              <a:t>Early Childhood</a:t>
            </a:r>
          </a:p>
          <a:p>
            <a:r>
              <a:rPr lang="en-US" sz="2400" dirty="0"/>
              <a:t>Department of Veteran Services</a:t>
            </a:r>
          </a:p>
          <a:p>
            <a:pPr lvl="1"/>
            <a:r>
              <a:rPr lang="en-US" sz="2000" dirty="0"/>
              <a:t>TBD – currently onboarding</a:t>
            </a:r>
          </a:p>
          <a:p>
            <a:r>
              <a:rPr lang="en-US" sz="2400" dirty="0"/>
              <a:t>Department of Corrections</a:t>
            </a:r>
          </a:p>
          <a:p>
            <a:pPr lvl="1"/>
            <a:r>
              <a:rPr lang="en-US" sz="2000" dirty="0"/>
              <a:t>TBD – currently onboarding</a:t>
            </a:r>
          </a:p>
          <a:p>
            <a:pPr lvl="1"/>
            <a:endParaRPr lang="en-US" sz="2000" dirty="0"/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67007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5451764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Reports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Current Reports:</a:t>
            </a:r>
          </a:p>
          <a:p>
            <a:pPr lvl="1"/>
            <a:r>
              <a:rPr lang="en-US" sz="2400" dirty="0"/>
              <a:t>Average Wage by Industry</a:t>
            </a:r>
          </a:p>
          <a:p>
            <a:pPr lvl="1"/>
            <a:r>
              <a:rPr lang="en-US" sz="2400" dirty="0"/>
              <a:t>Career and Technical Education: Concentrator Graduates Report</a:t>
            </a:r>
          </a:p>
          <a:p>
            <a:pPr lvl="1"/>
            <a:r>
              <a:rPr lang="en-US" sz="2400" dirty="0"/>
              <a:t>Career Earnings</a:t>
            </a:r>
          </a:p>
          <a:p>
            <a:pPr lvl="1"/>
            <a:r>
              <a:rPr lang="en-US" sz="2400" dirty="0"/>
              <a:t>Most Common Degree by Industry</a:t>
            </a:r>
          </a:p>
          <a:p>
            <a:pPr lvl="1"/>
            <a:r>
              <a:rPr lang="en-US" dirty="0"/>
              <a:t>Student Completion &amp; Workforce</a:t>
            </a:r>
          </a:p>
          <a:p>
            <a:pPr lvl="1"/>
            <a:r>
              <a:rPr lang="en-US" sz="2400" dirty="0"/>
              <a:t>Workforce Supply &amp; Demand</a:t>
            </a:r>
          </a:p>
          <a:p>
            <a:r>
              <a:rPr lang="en-US" sz="2400" dirty="0"/>
              <a:t>Future Reports: </a:t>
            </a:r>
            <a:endParaRPr lang="en-US" sz="2000" dirty="0"/>
          </a:p>
          <a:p>
            <a:pPr lvl="1"/>
            <a:r>
              <a:rPr lang="en-US" dirty="0"/>
              <a:t>Adult Education &amp; Family Literacy Performance Act Dashboard</a:t>
            </a:r>
          </a:p>
          <a:p>
            <a:pPr lvl="1"/>
            <a:r>
              <a:rPr lang="en-US" dirty="0"/>
              <a:t>CTE Completion &amp; Median Wages Report </a:t>
            </a:r>
          </a:p>
          <a:p>
            <a:pPr marL="0" indent="0">
              <a:buNone/>
            </a:pPr>
            <a:endParaRPr lang="en-US" sz="2000" dirty="0"/>
          </a:p>
          <a:p>
            <a:pPr marL="0" indent="0">
              <a:buNone/>
            </a:pPr>
            <a:endParaRPr lang="en-US" sz="2000" dirty="0">
              <a:cs typeface="Calibri" panose="020F0502020204030204"/>
            </a:endParaRPr>
          </a:p>
          <a:p>
            <a:endParaRPr lang="en-US" sz="2400" dirty="0">
              <a:cs typeface="Calibri" panose="020F0502020204030204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99245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2">
            <a:extLst>
              <a:ext uri="{FF2B5EF4-FFF2-40B4-BE49-F238E27FC236}">
                <a16:creationId xmlns:a16="http://schemas.microsoft.com/office/drawing/2014/main" id="{15F10FE4-9B03-4CD2-A40C-18DA778C459D}"/>
              </a:ext>
            </a:extLst>
          </p:cNvPr>
          <p:cNvSpPr txBox="1">
            <a:spLocks/>
          </p:cNvSpPr>
          <p:nvPr/>
        </p:nvSpPr>
        <p:spPr>
          <a:xfrm>
            <a:off x="533400" y="457200"/>
            <a:ext cx="5451764" cy="1096331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dirty="0">
                <a:solidFill>
                  <a:srgbClr val="303030"/>
                </a:solidFill>
              </a:rPr>
              <a:t>NPWR Research	</a:t>
            </a:r>
          </a:p>
        </p:txBody>
      </p:sp>
      <p:sp>
        <p:nvSpPr>
          <p:cNvPr id="13" name="Content Placeholder 1">
            <a:extLst>
              <a:ext uri="{FF2B5EF4-FFF2-40B4-BE49-F238E27FC236}">
                <a16:creationId xmlns:a16="http://schemas.microsoft.com/office/drawing/2014/main" id="{E198B513-5687-4EF9-8C4A-F92B991602FD}"/>
              </a:ext>
            </a:extLst>
          </p:cNvPr>
          <p:cNvSpPr txBox="1">
            <a:spLocks/>
          </p:cNvSpPr>
          <p:nvPr/>
        </p:nvSpPr>
        <p:spPr>
          <a:xfrm>
            <a:off x="533400" y="905164"/>
            <a:ext cx="8381999" cy="5030353"/>
          </a:xfrm>
          <a:prstGeom prst="rect">
            <a:avLst/>
          </a:prstGeom>
        </p:spPr>
        <p:txBody>
          <a:bodyPr lIns="91440" tIns="45720" rIns="91440" bIns="45720" anchor="t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dirty="0"/>
          </a:p>
          <a:p>
            <a:r>
              <a:rPr lang="en-US" sz="2400" dirty="0"/>
              <a:t>Research Forum: </a:t>
            </a:r>
          </a:p>
          <a:p>
            <a:pPr lvl="1"/>
            <a:r>
              <a:rPr lang="en-US" sz="2000" dirty="0"/>
              <a:t>December 6 (Northern Nevada)</a:t>
            </a:r>
          </a:p>
          <a:p>
            <a:pPr lvl="1"/>
            <a:r>
              <a:rPr lang="en-US" sz="2000" dirty="0"/>
              <a:t>December 8 (Southern Nevada)</a:t>
            </a:r>
          </a:p>
          <a:p>
            <a:r>
              <a:rPr lang="en-US" sz="2400" dirty="0"/>
              <a:t>Partnering with the Scholarship and Research communities, workforce partnership represents an opportunity to drive research to create better employment outcomes</a:t>
            </a:r>
          </a:p>
          <a:p>
            <a:r>
              <a:rPr lang="en-US" sz="2400" dirty="0"/>
              <a:t>Finalize Nevada Research Agenda</a:t>
            </a:r>
          </a:p>
          <a:p>
            <a:pPr lvl="1"/>
            <a:r>
              <a:rPr lang="en-US" sz="2000" dirty="0"/>
              <a:t>Holistic approach across education and workforce domains</a:t>
            </a:r>
          </a:p>
          <a:p>
            <a:pPr lvl="1"/>
            <a:r>
              <a:rPr lang="en-US" sz="2000" dirty="0"/>
              <a:t>Longitudinal data solution to drive data driven policies solutions for Nevada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BB85D2A-E884-4365-B77D-A580F9397DC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D645D042-57D0-4F48-BB52-3C1D95F25D1C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0504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2ZDFiMDlkNC00NzNlLTRiNGMtYWQ2MC1mOGFjODNmN2ZhOWMiLCJJbmRleCI6MCwiR3JvdXBJZCI6bnVsbCwiVGl0bGUiOiJSZW1lZGlhbCBGaWxlIEV4dHJhY3QiLCJEYXRlVGltZSI6IjIwMjEtMDktMDFUMjM6NTk6MDBaIiwiUGVyY2VudGFnZUNvbXBsZXRlIjpudWxsLCJOb3RlIjpudWxsLCJTdHlsZSI6eyIkaWQiOiI2IiwiVGl0bGVQb3NpdGlvbiI6IkxlZnQiLCJEYXRlUG9zaXRpb24iOiJMZWZ0IiwiU2hhcGVUeXBlIjoxMCwiU2hhcGVTaXplIjoz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7IiRpZCI6IjIzIiwiTGluZUNvbG9yIjpudWxsLCJMaW5lV2VpZ2h0IjowLjAsIkxpbmVUeXBlIjowLCJQYXJlbnRTdHlsZSI6bnVsbH0sIlBhcmVudFN0eWxlIjpudWxsfSwiRGF0ZVN0eWxlIjp7IiRpZCI6IjI0IiwiRm9udFNldHRpbmdzIjp7IiRpZCI6IjI1IiwiRm9udFNpemUiOjcsIkZvbnROYW1lIjoiQ2FsaWJyaSIsIklzQm9sZCI6ZmFsc2UsIklzSXRhbGljIjpmYWxzZSwiSXNVbmRlcmxpbmVkIjpmYWxzZSwiUGFyZW50U3R5bGUiOm51bGx9LCJBdXRvU2l6ZSI6MCwiRm9yZWdyb3VuZCI6eyIkaWQiOiIyNiIsIkNvbG9yIjp7IiRpZCI6Ij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CIsIlRvcCI6MC4wLCJMZWZ0IjowLjAsIlJpZ2h0IjowLjAsIkJvdHRvbSI6MC4wfSwiUGFkZGluZyI6eyIkaWQiOiIyOSIsIlRvcCI6MC4wLCJMZWZ0IjowLjAsIlJpZ2h0IjowLjAsIkJvdHRvbSI6MC4wfSwiQmFja2dyb3VuZCI6eyIkaWQiOiIzMCIsIkNvbG9yIjp7IiRpZCI6IjMxIiwiQSI6MCwiUiI6MjU1LCJHIjoyNTUsIkIiOjI1NX19LCJJc1Zpc2libGUiOmZhbHNlLCJXaWR0aCI6MC4wLCJIZWlnaHQiOjAuMCwiQm9yZGVyU3R5bGUiOnsiJGlkIjoiMzIiLCJMaW5lQ29sb3IiOm51bGwsIkxpbmVXZWlnaHQiOjAuMCwiTGluZVR5cGUiOjAsIlBhcmVudFN0eWxlIjpudWxsfSwiUGFyZW50U3R5bGUiOm51bGx9LCJEYXRlRm9ybWF0Ijp7IiRpZCI6I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TUiLCJDb2xvciI6eyIkaWQiOiI1NiIsIkEiOjAsIlIiOjI1NSwiRyI6MjU1LCJCIjoyNTV9fSwiSXNWaXNpYmxlIjpmYWxzZSwiV2lkdGgiOjAuMCwiSGVpZ2h0IjowLjAsIkJvcmRlclN0eWxlIjp7IiRpZCI6IjU3IiwiTGluZUNvbG9yIjpudWxsLCJMaW5lV2VpZ2h0IjowLjAsIkxpbmVUeXBlIjowLCJQYXJlbnRTdHlsZSI6bnVsbH0sIlBhcmVudFN0eWxlIjpudWxsfSwiRGF0ZUZvcm1hdCI6eyIkcmVmIjoiMzMifSwiV2Vla051bWJlcmluZyI6eyIkaWQiOiI1O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wIiwiQ29sb3IiOnsiJGlkIjoiNzEiLCJBIjo4OSwiUiI6MCwiRyI6MCwiQiI6MH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3NiIsIkNvbG9yIjp7IiRyZWYiOiI3MSJ9fSwiSXNWaXNpYmxlIjp0cnVlLCJXaWR0aCI6MC4wLCJIZWlnaHQiOjAuMCwiQm9yZGVyU3R5bGUiOm51bGwsIlBhcmVudFN0eWxlIjpudWxsfSwiRGF0ZUZvcm1hdCI6eyIkaWQiOi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3OSIsIl90YXNrcyI6W3siJGlkIjoiODAiLCJfYXR0YWNoZWRNaWxlc3RvbmVzIjpbXSwiVGFza0RlZmluaXRpb24iOnsiJGlkIjoiODEiLCJHcm91cE5hbWUiOm51bGwsIlN0YXJ0RGF0ZSI6IjIwMjEtMDgtMDFUMjM6NTk6MDBaIiwiRW5kRGF0ZSI6IjIwMjEtMTAtMDFUMjM6NTk6MDBaIiwiUGVyY2VudGFnZUNvbXBsZXRlIjpudWxsLCJTdHlsZSI6eyIkaWQiOiI4MiIsIlNoYXBlIjo1LCJTaGFwZVRoaWNrbmVzcyI6My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4wLCJMZWZ0IjowLjAsIlJpZ2h0IjowLjAsIkJvdHRvbSI6MC4wfSwiUGFkZGluZyI6eyIkaWQiOiI4OCIsIlRvcCI6MC4wLCJMZWZ0IjowLjAsIlJpZ2h0IjowLjAsIkJvdHRvbSI6MC4wfSwiQmFja2dyb3VuZCI6eyIkaWQiOiI4OSIsIkNvbG9yIjp7IiRyZWYiOiI3MSJ9fSwiSXNWaXNpYmxlIjp0cnVlLCJXaWR0aCI6MC4wLCJIZWlnaHQiOjAuMCwiQm9yZGVyU3R5bGUiOnsiJGlkIjoiOTAiLCJMaW5lQ29sb3IiOm51bGwsIkxpbmVXZWlnaHQiOjAuMCwiTGluZVR5cGUiOjAsIlBhcmVudFN0eWxlIjpudWxsfS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HJlZiI6IjcxIn19LCJJc1Zpc2libGUiOnRydWUsIldpZHRoIjowLjAsIkhlaWdodCI6MC4wLCJCb3JkZXJTdHlsZSI6eyIkaWQiOiI5OCIsIkxpbmVDb2xvciI6bnVsbCwiTGluZVdlaWdodCI6MC4wLCJMaW5lVHlwZSI6MCwiUGFyZW50U3R5bGUiOm51bGx9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1IiwiTWFyZ2luIjp7IiRpZCI6IjEwNiIsIlRvcCI6MC4wLCJMZWZ0Ijo0LjAsIlJpZ2h0Ijo0LjAsIkJvdHRvbSI6MC4wfSwiUGFkZGluZyI6eyIkaWQiOiIxMDciLCJUb3AiOjAuMCwiTGVmdCI6MC4wLCJSaWdodCI6MC4wLCJCb3R0b20iOjAuMH0sIkJhY2tncm91bmQiOnsiJGlkIjoiMTA4IiwiQ29sb3IiOnsiJGlkIjoiMTA5IiwiQSI6MjU1LCJSIjoyNiwiRyI6MTcwLCJCIjo2Nn19LCJJc1Zpc2libGUiOnRydWUsIldpZHRoIjoxMjcuODI1NDMxODIzNzMwNDcsIkhlaWdodCI6OS45NjQ5NjEwNTE5NDA5MTg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aWQiOiIxMjkiLCJBIjowLCJSIjoyNTUsIkciOjI1NSwiQiI6MjU1fX0sIklzVmlzaWJsZSI6dHJ1ZSwiV2lkdGgiOjAuMCwiSGVpZ2h0IjowLjAsIkJvcmRlclN0eWxlIjp7IiRpZCI6IjEzMCIsIkxpbmVDb2xvciI6bnVsbCwiTGluZVdlaWdodCI6MC4wLCJMaW5lVHlwZSI6MCwiUGFyZW50U3R5bGUiOm51bGx9LCJQYXJlbnRTdHlsZSI6bnVsbH0sIkRhdGVGb3JtYXQiOnsiJGlkIjoiM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yZWYiOiI3MCJ9LCJJc1Zpc2libGUiOnRydWUsIldpZHRoIjowLjAsIkhlaWdodCI6MC4wLCJCb3JkZXJTdHlsZSI6bnVsbCwiUGFyZW50U3R5bGUiOm51bGx9LCJEYXRlU3R5bGUiOnsiJGlkIjoiMTQ0IiwiRm9udFNldHRpbmdzIjp7IiRpZCI6IjE0N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cmVmIjoiNzYifSwiSXNWaXNpYmxlIjp0cnVlLCJXaWR0aCI6MC4wLCJIZWlnaHQiOjAuMCwiQm9yZGVyU3R5bGUiOm51bGwsIlBhcmVudFN0eWxlIjpudWxsfSwiRGF0ZUZvcm1hdCI6eyIkcmVmIjoiNzcifSwiV2Vla051bWJlcmluZyI6eyIkaWQiOiIxNDY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cmVmIjoiNzAifSwiSXNWaXNpYmxlIjp0cnVlLCJXaWR0aCI6MC4wLCJIZWlnaHQiOjAuMCwiQm9yZGVyU3R5bGUiOm51bGwsIlBhcmVudFN0eWxlIjpudWxsfSwiRGF0ZVN0eWxlIjp7IiRpZCI6IjE1NiIsIkZvbnRTZXR0aW5ncyI6eyIkaWQiOiIxNTc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yZWYiOiI2OCJ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cmVmIjoiNzAifSwiSXNWaXNpYmxlIjp0cnVlLCJXaWR0aCI6MC4wLCJIZWlnaHQiOjAuMCwiQm9yZGVyU3R5bGUiOm51bGwsIlBhcmVudFN0eWxlIjpudWxsfSwiRGF0ZVN0eWxlIjp7IiRpZCI6IjE2OCIsIkZvbnRTZXR0aW5ncyI6eyIkaWQiOiIxNjk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HJlZiI6IjcwIn0sIklzVmlzaWJsZSI6dHJ1ZSwiV2lkdGgiOjAuMCwiSGVpZ2h0IjowLjAsIkJvcmRlclN0eWxlIjpudWxsLCJQYXJlbnRTdHlsZSI6bnVsbH0sIkRhdGVTdHlsZSI6eyIkaWQiOiIxODAiLCJGb250U2V0dGluZ3MiOnsiJGlkIjoiMTgx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bnVsbCwiSXNWaXNpYmxlIjp0cnVlLCJXaWR0aCI6MC4wLCJIZWlnaHQiOjAuMCwiQm9yZGVyU3R5bGUiOm51bGwsIlBhcmVudFN0eWxlIjpudWxsfSwiUmVjdGFuZ2x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NjMsIlIiOjY4LCJHIjoxMTQsIkIiOjE5Nn19LCJJc1Zpc2libGUiOnRydWUsIldpZHRoIjowLjAsIkhlaWdodCI6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yNTMiLCJDb2xvciI6eyIkaWQiOiIyNTQiLCJBIjowLCJSIjoyNTUsIkciOjI1NSwiQiI6MjU1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c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I2MCIsIkNvbG9yIjp7IiRpZCI6IjI2MSIsIkEiOjAsIlIiOjI1NSwiRyI6MjU1LCJCIjoyNTV9fSwiSXNWaXNpYmxlIjp0cnVlLCJXaWR0aCI6MC4wLCJIZWlnaHQiOjAuMCwiQm9yZGVyU3R5bGUiOnsiJGlkIjoiMjYyIiwiTGluZUNvbG9yIjpudWxsLCJMaW5lV2VpZ2h0IjowLjAsIkxpbmVUeXBlIjowLCJQYXJlbnRTdHlsZSI6bnVsbH0sIlBhcmVudFN0eWxlIjpudWxsfSwiRGF0ZUZvcm1hdCI6eyIkcmVmIjoiMzMifSwiV2Vla051bWJlcmluZyI6eyIkaWQiOiIyNjM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bnVsbH0sIkRhdGVGb3JtYXQiOnsiJHJlZiI6IjMzIn0sIldlZWtOdW1iZXJpbmciOnsiJGlkIjoiMjg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csIkZvbnROYW1lIjoiQ2FsaWJyaSIsIklzQm9sZCI6ZmFsc2UsIklzSXRhbGljIjpmYWxzZSwiSXNVbmRlcmxpbmVkIjpmYWxzZSwiUGFyZW50U3R5bGUiOm51bGx9LCJBdXRvU2l6ZSI6MCwiRm9yZWdyb3VuZCI6eyIkaWQiOiIzMDIiLCJDb2xvciI6eyIkaWQiOiIzM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pZCI6IjMwNCIsIkNvbG9yIjp7IiRpZCI6IjMwNSIsIkEiOjAsIlIiOjI1NSwiRyI6MjU1LCJCIjoyNTV9fSwiSXNWaXNpYmxlIjp0cnVlLCJXaWR0aCI6MC4wLCJIZWlnaHQiOjAuMCwiQm9yZGVyU3R5bGUiOnsiJGlkIjoiMzA2IiwiTGluZUNvbG9yIjpudWxsLCJMaW5lV2VpZ2h0IjowLjAsIkxpbmVUeXBlIjowLCJQYXJlbnRTdHlsZSI6bnVsbH0sIlBhcmVudFN0eWxlIjpudWxsfSwiRGF0ZUZvcm1hdCI6eyIkcmVmIjoiMzMifSwiV2Vla051bWJlcmluZyI6eyIkaWQiOiIzMDc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zMjYiLCJDb2xvciI6eyIkaWQiOiIzMjciLCJBIjowLCJSIjoyNTUsIkciOjI1NSwiQiI6MjU1fX0sIklzVmlzaWJsZSI6dHJ1ZSwiV2lkdGgiOjAuMCwiSGVpZ2h0IjowLjAsIkJvcmRlclN0eWxlIjp7IiRpZCI6IjMyOCIsIkxpbmVDb2xvciI6bnVsbCwiTGluZVdlaWdodCI6MC4wLCJMaW5lVHlwZSI6MCwiUGFyZW50U3R5bGUiOm51bGx9LCJQYXJlbnRTdHlsZSI6bnVsbH0sIkRhdGVGb3JtYXQiOnsiJHJlZiI6IjMzIn0sIldlZWtOdW1iZXJpbmciOnsiJGlkIjoiMzI5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EsIklkIjoiMWNlMDVkYmEtOTFjNy00YmRjLTk2MDQtMzQ0YTFkNjkzNjQ4IiwiSGVhZGVyVGV4dCI6bnVsbCwiSXNEZWZhdWx0Ijp0cnVlLCJTdHlsZSI6eyIkaWQiOiIzMzAiLCJIZWFkZXJTdHlsZSI6eyIkaWQiOiIzMzEiLCJUZXh0U3R5bGUiOnsiJGlkIjoiMzMyIiwiRm9udFNldHRpbmdzIjp7IiRpZCI6IjMzMyIsIkZvbnRTaXplIjoxMSwiRm9udE5hbWUiOiJDYWxpYnJpIiwiSXNCb2xkIjpmYWxzZSwiSXNJdGFsaWMiOmZhbHNlLCJJc1VuZGVybGluZWQiOmZhbHNlLCJQYXJlbnRTdHlsZSI6bnVsbH0sIkF1dG9TaXplIjoyLCJGb3JlZ3JvdW5kIjp7IiRpZCI6IjMzNCIsIkNvbG9yIjp7IiRpZCI6IjMz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yZWYiOiI3MC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3LCJGb250TmFtZSI6IkNhbGlicmkiLCJJc0JvbGQiOmZhbHNlLCJJc0l0YWxpYyI6ZmFsc2UsIklzVW5kZXJsaW5lZCI6ZmFsc2UsIlBhcmVudFN0eWxlIjpudWxsfSwiQXV0b1NpemUiOjAsIkZvcmVncm91bmQiOnsiJGlkIjoiNDAzIiwiQ29sb3IiOnsiJGlkIjoiND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0IiwiTGluZUNvbG9yIjpudWxsLCJMaW5lV2VpZ2h0IjowLjAsIkxpbmVUeXBlIjowLCJQYXJlbnRTdHlsZSI6bnVsbH0sIlBhcmVudFN0eWxlIjpudWxsfSwiRHVyYXRpb25TdHlsZSI6eyIkaWQiOiI1MjUiLCJGb250U2V0dGluZ3MiOnsiJGlkIjoiNTI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VGl0bGVTdHlsZSI6eyIkaWQiOiI1MzYiLCJGb250U2V0dGluZ3MiOnsiJGlkIjoiNTM3IiwiRm9udFNpemUiOjExLCJGb250TmFtZSI6IkNhbGlicmkiLCJJc0JvbGQiOnRydWUsIklzSXRhbGljIjpmYWxzZSwiSXNVbmRlcmxpbmVkIjpmYWxzZSwiUGFyZW50U3R5bGUiOm51bGx9LCJBdXRvU2l6ZSI6MiwiRm9yZWdyb3VuZCI6eyIkaWQiOiI1MzgiLCJDb2xvciI6eyIkaWQiOiI1MzkiLCJBIjoyNTUsIlIiOjAsIkciOjAsIkIiOjB9fSwiTWF4V2lkdGgiOjI0Ni4xNDYyMjQ5NzU1ODU5N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iJ9LCJQYWRkaW5nIjp7IiRyZWYiOiIxMjcifSwiQmFja2dyb3VuZCI6eyIkaWQiOiI1NDciLCJDb2xvciI6eyIkaWQiOiI1NDgiLCJBIjowLCJSIjoyNTUsIkciOjI1NSwiQiI6MjU1fX0sIklzVmlzaWJsZSI6dHJ1ZSwiV2lkdGgiOjAuMCwiSGVpZ2h0IjowLjAsIkJvcmRlclN0eWxlIjp7IiRpZCI6IjU0OSIsIkxpbmVDb2xvciI6bnVsbCwiTGluZVdlaWdodCI6MC4wLCJMaW5lVHlwZSI6MCwiUGFyZW50U3R5bGUiOm51bGx9LCJQYXJlbnRTdHlsZSI6bnVsbH0sIkRhdGVGb3JtYXQiOnsiJGlkIjoiN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m51bGwsIklzVmlzaWJsZSI6dHJ1ZSwiV2lkdGgiOjAuMCwiSGVpZ2h0IjowLjAsIkJvcmRlclN0eWxlIjpudWxsLCJQYXJlbnRTdHlsZSI6bnVsbH0sIlJlY3RhbmdsZVN0eWxlIjp7IiRpZCI6IjU5MCIsIk1hcmdpbiI6eyIkaWQiOiI1OTEiLCJUb3AiOjAuMCwiTGVmdCI6MC4wLCJSaWdodCI6MC4wLCJCb3R0b20iOjAuMH0sIlBhZGRpbmciOnsiJGlkIjoiNTkyIiwiVG9wIjowLjAsIkxlZnQiOjAuMCwiUmlnaHQiOjAuMCwiQm90dG9tIjowLjB9LCJCYWNrZ3JvdW5kIjp7IiRpZCI6IjU5MyIsIkNvbG9yIjp7IiRpZCI6IjU5NCIsIkEiOjI1NSwiUiI6MjU1LCJHIjoxOTIsIkIiOjB9fSwiSXNWaXNpYmxlIjp0cnVlLCJXaWR0aCI6MC4wLCJIZWlnaHQiOj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I2IiwiQ29sb3IiOnsiJGlkIjoiNjI3IiwiQSI6MCwiUiI6MCwiRyI6MCwiQiI6MH19LCJJc1Zpc2libGUiOnRydWUsIldpZHRoIjowLjAsIkhlaWdodCI6MC4wLCJCb3JkZXJTdHlsZSI6bnVsbCwiUGFyZW50U3R5bGUiOm51bGx9LCJEYXRlU3R5bGUiOnsiJGlkIjoiNjI4IiwiRm9udFNldHRpbmdzIjp7IiRpZCI6IjYyOSIsIkZvbnRTaXplIjoxMCwiRm9udE5hbWUiOiJDYWxpYnJpIiwiSXNCb2xkIjpmYWxzZSwiSXNJdGFsaWMiOmZhbHNlLCJJc1VuZGVybGluZWQiOmZhbHNlLCJQYXJlbnRTdHlsZSI6bnVsbH0sIkF1dG9TaXplIjowLCJGb3JlZ3JvdW5kIjp7IiRpZCI6IjYzMCIsIkNvbG9yIjp7IiRpZCI6IjYz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jMyIiwiQ29sb3IiOnsiJGlkIjoiNjMzIiwiQSI6MCwiUiI6MCwiRyI6MCwiQiI6MH19LCJJc1Zpc2libGUiOnRydWUsIldpZHRoIjowLjAsIkhlaWdodCI6MC4wLCJCb3JkZXJTdHlsZSI6bnVsbCwiUGFyZW50U3R5bGUiOm51bGx9LCJEYXRlRm9ybWF0Ijp7IiRpZCI6IjY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Q4IiwiQ29sb3IiOnsiJGlkIjoiNjQ5IiwiQSI6MCwiUiI6MCwiRyI6MCwiQiI6MH19LCJJc1Zpc2libGUiOnRydWUsIldpZHRoIjowLjAsIkhlaWdodCI6MC4wLCJCb3JkZXJTdHlsZSI6bnVsbCwiUGFyZW50U3R5bGUiOm51bGx9LCJEYXRlU3R5bGUiOnsiJGlkIjoiNjUwIiwiRm9udFNldHRpbmdzIjp7IiRpZCI6IjY1MSIsIkZvbnRTaXplIjoxMCwiRm9udE5hbWUiOiJDYWxpYnJpIiwiSXNCb2xkIjpmYWxzZSwiSXNJdGFsaWMiOmZhbHNlLCJJc1VuZGVybGluZWQiOmZhbHNlLCJQYXJlbnRTdHlsZSI6bnVsbH0sIkF1dG9TaXplIjowLCJGb3JlZ3JvdW5kIjp7IiRpZCI6IjY1MiIsIkNvbG9yIjp7IiRpZCI6IjY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jU0IiwiQ29sb3IiOnsiJGlkIjoiNjU1IiwiQSI6MCwiUiI6MCwiRyI6MCwiQiI6MH19LCJJc1Zpc2libGUiOnRydWUsIldpZHRoIjowLjAsIkhlaWdodCI6MC4wLCJCb3JkZXJTdHlsZSI6bnVsbCwiUGFyZW50U3R5bGUiOm51bGx9LCJEYXRlRm9ybWF0Ijp7IiRpZCI6IjY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NzEiLCJDb2xvciI6eyIkaWQiOiI2NzIiLCJBIjowLCJSIjowLCJHIjowLCJCIjowfX0sIklzVmlzaWJsZSI6dHJ1ZSwiV2lkdGgiOjAuMCwiSGVpZ2h0IjowLjAsIkJvcmRlclN0eWxlIjpudWxsLCJQYXJlbnRTdHlsZSI6bnVsbH0sIkRhdGVTdHlsZSI6eyIkaWQiOiI2NzMiLCJGb250U2V0dGluZ3MiOnsiJGlkIjoiNjc0IiwiRm9udFNpemUiOjEwLCJGb250TmFtZSI6IkNhbGlicmkiLCJJc0JvbGQiOmZhbHNlLCJJc0l0YWxpYyI6ZmFsc2UsIklzVW5kZXJsaW5lZCI6ZmFsc2UsIlBhcmVudFN0eWxlIjpudWxsfSwiQXV0b1NpemUiOjAsIkZvcmVncm91bmQiOnsiJGlkIjoiNjc1IiwiQ29sb3IiOnsiJGlkIjoiNj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gifSwiUGFkZGluZyI6eyIkcmVmIjoiMjkifSwiQmFja2dyb3VuZCI6eyIkaWQiOiI2NzciLCJDb2xvciI6eyIkaWQiOiI2NzgiLCJBIjowLCJSIjowLCJHIjowLCJCIjowfX0sIklzVmlzaWJsZSI6dHJ1ZSwiV2lkdGgiOjAuMCwiSGVpZ2h0IjowLjAsIkJvcmRlclN0eWxlIjpudWxsLCJQYXJlbnRTdHlsZSI6bnVsbH0sIkRhdGVGb3JtYXQiOnsiJGlkIjoiN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k0IiwiQ29sb3IiOnsiJGlkIjoiNjk1IiwiQSI6MCwiUiI6MCwiRyI6MCwiQiI6MH19LCJJc1Zpc2libGUiOnRydWUsIldpZHRoIjowLjAsIkhlaWdodCI6MC4wLCJCb3JkZXJTdHlsZSI6bnVsbC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pZCI6IjY5OCIsIkNvbG9yIjp7IiRpZCI6IjY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4In0sIlBhZGRpbmciOnsiJHJlZiI6IjI5In0sIkJhY2tncm91bmQiOnsiJGlkIjoiNzAwIiwiQ29sb3IiOnsiJGlkIjoiNzAxIiwiQSI6MCwiUiI6MCwiRyI6MCwiQiI6MH19LCJJc1Zpc2libGUiOnRydWUsIldpZHRoIjowLjAsIkhlaWdodCI6MC4wLCJCb3JkZXJTdHlsZSI6bnVsbCwiUGFyZW50U3R5bGUiOm51bGx9LCJEYXRlRm9ybWF0Ijp7IiRpZCI6Ijc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M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Q3LCJJZCI6IjA4NzNiNzkwLTdmZjQtNDQ0Zi04NzQ4LTVkYzU0NDY3MDQxNiIsIkhlYWRlclRleHQiOm51bGwsIklzRGVmYXVsdCI6dHJ1ZSwiU3R5bGUiOnsiJGlkIjoiNzA0IiwiSGVhZGVyU3R5bGUiOnsiJGlkIjoiNzA1IiwiVGV4dFN0eWxlIjp7IiRpZCI6IjcwNiIsIkZvbnRTZXR0aW5ncyI6eyIkaWQiOiI3MDciLCJGb250U2l6ZSI6MTEsIkZvbnROYW1lIjoiQ2FsaWJyaSIsIklzQm9sZCI6ZmFsc2UsIklzSXRhbGljIjpmYWxzZSwiSXNVbmRlcmxpbmVkIjpmYWxzZSwiUGFyZW50U3R5bGUiOm51bGx9LCJBdXRvU2l6ZSI6MiwiRm9yZWdyb3VuZCI6eyIkaWQiOiI3MDgiLCJDb2xvciI6eyIkaWQiOiI3MD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E1IiwiVG9wIjowLjAsIkxlZnQiOjIwLjAsIlJpZ2h0IjowLjAsIkJvdHRvbSI6MC4wfSwiUGFkZGluZyI6eyIkaWQiOiI5MTYiLCJUb3AiOjAuMCwiTGVmdCI6MC4wLCJSaWdodCI6MC4wLCJCb3R0b20iOjAuMH0sIkJhY2tncm91bmQiOnsiJGlkIjoiOTE3IiwiQ29sb3IiOnsiJHJlZiI6IjcxIn19LCJJc1Zpc2libGUiOmZhbHNlLCJXaWR0aCI6MC4wLCJIZWlnaHQiOjAuMCwiQm9yZGVyU3R5bGUiOm51bGwsIlBhcmVudFN0eWxlIjpudWxsfSwiVG9kYXlUZXh0U3R5bGUiOnsiJGlkIjoiOTE4IiwiRm9udFNldHRpbmdzIjp7IiRpZCI6IjkxOSIsIkZvbnRTaXplIjo5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HJlZiI6IjcwIn0sIklzVmlzaWJsZSI6dHJ1ZSwiV2lkdGgiOjAuMCwiSGVpZ2h0IjowLjAsIkJvcmRlclN0eWxlIjpudWxsLCJQYXJlbnRTdHlsZSI6bnVsbH0sIkRhdGVTdHlsZSI6eyIkaWQiOiI5NzIiLCJGb250U2V0dGluZ3MiOnsiJGlkIjoiOTcz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bnVsbCwiUGFyZW50U3R5bGUiOm51bGx9LCJEdXJhdGlvblN0eWxlIjp7IiRpZCI6Ijk3OCIsIkZvbnRTZXR0aW5ncyI6eyIkaWQiOiI5Nz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udWxsLCJQYXJlbnRTdHlsZSI6bnVsbH0sIkhvcml6b250YWxDb25uZWN0b3JTdHlsZSI6eyIkaWQiOiI5ODAiLCJMaW5lQ29sb3IiOnsiJHJlZiI6IjEwMCJ9LCJMaW5lV2VpZ2h0IjoxLjAsIkxpbmVUeXBlIjowLCJQYXJlbnRTdHlsZSI6bnVsbH0sIlZlcnRpY2FsQ29ubmVjdG9yU3R5bGUiOnsiJGlkIjoiOTgx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pZCI6Ijk5MiIsIkNvbG9yIjp7IiRyZWYiOiI3MSJ9fSwiSXNWaXNpYmxlIjp0cnVlLCJXaWR0aCI6MC4wLCJIZWlnaHQiOjAuMCwiQm9yZGVyU3R5bGUiOm51bGwsIlBhcmVudFN0eWxlIjpudWxsfSwiRGF0ZVN0eWxlIjp7IiRpZCI6Ijk5MyIsIkZvbnRTZXR0aW5ncyI6eyIkaWQiOiI5OTQiLCJGb250U2l6ZSI6MTAsIkZvbnROYW1lIjoiQ2FsaWJyaSIsIklzQm9sZCI6ZmFsc2UsIklzSXRhbGljIjpmYWxzZSwiSXNVbmRlcmxpbmVkIjpmYWxzZSwiUGFyZW50U3R5bGUiOm51bGx9LCJBdXRvU2l6ZSI6MCwiRm9yZWdyb3VuZCI6eyIkaWQiOiI5OTUiLCJDb2xvciI6eyIkaWQiOiI5O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YifSwiUGFkZGluZyI6eyIkcmVmIjoiMTI3In0sIkJhY2tncm91bmQiOnsiJGlkIjoiOTk3IiwiQ29sb3IiOnsiJHJlZiI6IjcxIn19LCJJc1Zpc2libGUiOnRydWUsIldpZHRoIjowLjAsIkhlaWdodCI6MC4wLCJCb3JkZXJTdHlsZSI6bnVsbCwiUGFyZW50U3R5bGUiOm51bGx9LCJEYXRlRm9ybWF0Ijp7IiRpZCI6Ijk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kiLCJGb3JtYXQiOjAsIklzVmlzaWJsZSI6ZmFsc2UsIkxhc3RLbm93blZpc2liaWxpdHlTdGF0ZSI6ZmFsc2V9LCJJc1Zpc2libGUiOnRydWUsIlBhcmVudFN0eWxlIjpudWxsLCJfZXhwbGljaXRseVNldCI6eyIkaWQiOiIxMDA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3MTYiLCJUb3AiOjAuMCwiTGVmdCI6MC4wLCJSaWdodCI6MC4wLCJCb3R0b20iOjAuMH0sIlBhZGRpbmciOnsiJGlkIjoiMTcxNyIsIlRvcCI6MC4wLCJMZWZ0IjowLjAsIlJpZ2h0IjowLjAsIkJvdHRvbSI6MC4wfSwiQmFja2dyb3VuZCI6eyIkaWQiOiIxNzE4IiwiQ29sb3IiOnsiJHJlZiI6IjE2ODAifX0sIklzVmlzaWJsZSI6dHJ1ZSwiV2lkdGgiOjAuMCwiSGVpZ2h0IjowLjAsIkJvcmRlclN0eWxlIjp7IiRpZCI6IjE3MTkiLCJMaW5lQ29sb3IiOm51bGwsIkxpbmVXZWlnaHQiOjAuMCwiTGluZVR5cGUiOjAsIlBhcmVudFN0eWxlIjpudWxsfSwiUGFyZW50U3R5bGUiOm51bGx9LCJEYXRlRm9ybWF0Ijp7IiRpZCI6IjE3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xNzI2IiwiSW1wYU9wdGlvbnMiOnsiJGlkIjoiMTcy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3Mjg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lue Warm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BDriven Slide Deck.pptx" id="{1AA835FE-9344-4F22-B4AE-05167FCCF543}" vid="{B6A8CFC1-8D94-42E1-9C0E-91252124C241}"/>
    </a:ext>
  </a:extLst>
</a:theme>
</file>

<file path=ppt/theme/theme2.xml><?xml version="1.0" encoding="utf-8"?>
<a:theme xmlns:a="http://schemas.openxmlformats.org/drawingml/2006/main" name="Storyboard Layout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BDriven Slide Deck.pptx" id="{1AA835FE-9344-4F22-B4AE-05167FCCF543}" vid="{1B2CF8A6-7F35-4BC5-B8F5-2ADDC1D10B50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BDriven Slide Deck.pptx" id="{1AA835FE-9344-4F22-B4AE-05167FCCF543}" vid="{ECCA861D-A6B2-4155-894D-9412FEE3FFC7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6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97E40CD6-078C-4F8F-BF8A-FEA93368298B}">
  <we:reference id="wa200001409" version="1.0.0.3" store="en-US" storeType="OMEX"/>
  <we:alternateReferences>
    <we:reference id="wa200001409" version="1.0.0.3" store="WA200001409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19DAF5C15ACE54BA34910ED0516D80A" ma:contentTypeVersion="10" ma:contentTypeDescription="Create a new document." ma:contentTypeScope="" ma:versionID="1f6452006dbb3a6416670656f1ead2a0">
  <xsd:schema xmlns:xsd="http://www.w3.org/2001/XMLSchema" xmlns:xs="http://www.w3.org/2001/XMLSchema" xmlns:p="http://schemas.microsoft.com/office/2006/metadata/properties" xmlns:ns2="91722321-3fba-4ff7-b251-26f20d65ba2f" xmlns:ns3="735febc1-d3b4-479f-83b8-0639ce2960e6" targetNamespace="http://schemas.microsoft.com/office/2006/metadata/properties" ma:root="true" ma:fieldsID="7826fa7ce8288848b2c9cd4924584d62" ns2:_="" ns3:_="">
    <xsd:import namespace="91722321-3fba-4ff7-b251-26f20d65ba2f"/>
    <xsd:import namespace="735febc1-d3b4-479f-83b8-0639ce2960e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1722321-3fba-4ff7-b251-26f20d65ba2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35febc1-d3b4-479f-83b8-0639ce2960e6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B048CD5-98E1-40E6-B23B-5729CE862A02}">
  <ds:schemaRefs>
    <ds:schemaRef ds:uri="735febc1-d3b4-479f-83b8-0639ce2960e6"/>
    <ds:schemaRef ds:uri="91722321-3fba-4ff7-b251-26f20d65ba2f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46C2178C-29DE-4416-B832-D1E1C2F27EFE}">
  <ds:schemaRefs>
    <ds:schemaRef ds:uri="735febc1-d3b4-479f-83b8-0639ce2960e6"/>
    <ds:schemaRef ds:uri="91722321-3fba-4ff7-b251-26f20d65ba2f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5B51B43F-2E15-4148-9C5A-95C7398E2E0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DBDriven Slide Deck_title</Template>
  <TotalTime>7507</TotalTime>
  <Words>725</Words>
  <Application>Microsoft Office PowerPoint</Application>
  <PresentationFormat>On-screen Show (4:3)</PresentationFormat>
  <Paragraphs>163</Paragraphs>
  <Slides>13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3</vt:i4>
      </vt:variant>
    </vt:vector>
  </HeadingPairs>
  <TitlesOfParts>
    <vt:vector size="19" baseType="lpstr">
      <vt:lpstr>Arial</vt:lpstr>
      <vt:lpstr>Calibri</vt:lpstr>
      <vt:lpstr>Calibri Light</vt:lpstr>
      <vt:lpstr>Office Theme</vt:lpstr>
      <vt:lpstr>Storyboard Layouts</vt:lpstr>
      <vt:lpstr>Custom Desig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raig Moebus</dc:creator>
  <cp:lastModifiedBy>Craig Moebus</cp:lastModifiedBy>
  <cp:revision>9</cp:revision>
  <cp:lastPrinted>2020-09-18T16:46:47Z</cp:lastPrinted>
  <dcterms:created xsi:type="dcterms:W3CDTF">2020-08-03T20:02:25Z</dcterms:created>
  <dcterms:modified xsi:type="dcterms:W3CDTF">2022-10-12T14:27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19DAF5C15ACE54BA34910ED0516D80A</vt:lpwstr>
  </property>
</Properties>
</file>